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sec\s1383\groupR7\02_難病対策グループ\30_指定医\06_指定医一覧（ホームページ公表用）\現在\"/>
    </mc:Choice>
  </mc:AlternateContent>
  <xr:revisionPtr revIDLastSave="0" documentId="13_ncr:1_{248AC107-0DBE-4D68-B1A7-F85FB202987F}" xr6:coauthVersionLast="47" xr6:coauthVersionMax="47" xr10:uidLastSave="{00000000-0000-0000-0000-000000000000}"/>
  <bookViews>
    <workbookView xWindow="-120" yWindow="-120" windowWidth="29040" windowHeight="15720" xr2:uid="{5A28B678-831A-420C-BEA7-FBB1100EB750}"/>
  </bookViews>
  <sheets>
    <sheet name="難病指定医一覧" sheetId="1" r:id="rId1"/>
  </sheets>
  <definedNames>
    <definedName name="_xlnm._FilterDatabase" localSheetId="0" hidden="1">難病指定医一覧!$A$3:$F$2485</definedName>
    <definedName name="_xlnm.Print_Area" localSheetId="0">難病指定医一覧!$A$1:$F$248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2417" uniqueCount="4736">
  <si>
    <t>氏名</t>
    <rPh sb="0" eb="2">
      <t>シメイ</t>
    </rPh>
    <phoneticPr fontId="5"/>
  </si>
  <si>
    <t>主として指定難病の診断を行う医療機関</t>
    <rPh sb="0" eb="1">
      <t>シュ</t>
    </rPh>
    <rPh sb="4" eb="6">
      <t>シテイ</t>
    </rPh>
    <rPh sb="6" eb="8">
      <t>ナンビョウ</t>
    </rPh>
    <rPh sb="9" eb="11">
      <t>シンダン</t>
    </rPh>
    <rPh sb="12" eb="13">
      <t>オコナ</t>
    </rPh>
    <rPh sb="14" eb="16">
      <t>イリョウ</t>
    </rPh>
    <rPh sb="16" eb="18">
      <t>キカン</t>
    </rPh>
    <phoneticPr fontId="5"/>
  </si>
  <si>
    <t>指定有効期間
終了日</t>
    <rPh sb="0" eb="2">
      <t>シテイ</t>
    </rPh>
    <rPh sb="2" eb="4">
      <t>ユウコウ</t>
    </rPh>
    <rPh sb="4" eb="6">
      <t>キカン</t>
    </rPh>
    <rPh sb="7" eb="9">
      <t>シュウリョウ</t>
    </rPh>
    <rPh sb="9" eb="10">
      <t>ビ</t>
    </rPh>
    <phoneticPr fontId="7"/>
  </si>
  <si>
    <t>名称</t>
    <rPh sb="0" eb="2">
      <t>メイショウ</t>
    </rPh>
    <phoneticPr fontId="5"/>
  </si>
  <si>
    <t>市町村
（検索用）</t>
    <rPh sb="0" eb="3">
      <t>シチョウソン</t>
    </rPh>
    <rPh sb="5" eb="8">
      <t>ケンサクヨウ</t>
    </rPh>
    <phoneticPr fontId="7"/>
  </si>
  <si>
    <t>所在地</t>
    <rPh sb="0" eb="3">
      <t>ショザイチ</t>
    </rPh>
    <phoneticPr fontId="7"/>
  </si>
  <si>
    <t>担当する診療科</t>
    <rPh sb="0" eb="2">
      <t>タントウ</t>
    </rPh>
    <rPh sb="4" eb="6">
      <t>シンリョウ</t>
    </rPh>
    <rPh sb="6" eb="7">
      <t>カ</t>
    </rPh>
    <phoneticPr fontId="5"/>
  </si>
  <si>
    <t>岩田　盾也</t>
  </si>
  <si>
    <t>ナーブ・ケア・クリニック</t>
  </si>
  <si>
    <t>横須賀市</t>
  </si>
  <si>
    <t>横須賀市安浦町2-19</t>
  </si>
  <si>
    <t>脳神経外科</t>
  </si>
  <si>
    <t>久保　篤彦</t>
  </si>
  <si>
    <t>西村　敏</t>
  </si>
  <si>
    <t>塩谷　芳正</t>
  </si>
  <si>
    <t>塩谷眼科クリニック</t>
  </si>
  <si>
    <t>横須賀市安浦町2-27-5　佐野ビル1Ｆ</t>
  </si>
  <si>
    <t>眼科</t>
  </si>
  <si>
    <t>宮﨑　弘</t>
  </si>
  <si>
    <t>みやざき内科クリニック</t>
  </si>
  <si>
    <t>横須賀市安浦町3-13　木光クリニックビル102</t>
  </si>
  <si>
    <t>内科</t>
  </si>
  <si>
    <t>木津　りか</t>
  </si>
  <si>
    <t>ゆきこどもクリニック</t>
  </si>
  <si>
    <t>横須賀市安浦町3-13　木光クリニックビル201</t>
  </si>
  <si>
    <t>小児科</t>
  </si>
  <si>
    <t>青山　辰夫</t>
  </si>
  <si>
    <t>青山内科クリニック</t>
  </si>
  <si>
    <t>横須賀市衣笠栄町1-22-7 衣笠医療ビル2F</t>
  </si>
  <si>
    <t>浅川　晋宏</t>
  </si>
  <si>
    <t>衣笠あさかわ眼科</t>
  </si>
  <si>
    <t>横須賀市衣笠栄町１-22-７　衣笠医療ビル３F</t>
  </si>
  <si>
    <t>山内　章裕</t>
  </si>
  <si>
    <t>やまうち内科クリニック</t>
  </si>
  <si>
    <t>横須賀市衣笠栄町1-61</t>
  </si>
  <si>
    <t>内科、消化器科</t>
  </si>
  <si>
    <t>山内　眞義</t>
  </si>
  <si>
    <t>手塚　太郎</t>
  </si>
  <si>
    <t>衣笠駅前整形外科リハビリ・骨粗鬆症クリニック</t>
  </si>
  <si>
    <t>横須賀市衣笠栄町2-1-2夢Qビル1F</t>
  </si>
  <si>
    <t>整形外科</t>
  </si>
  <si>
    <t>菊池　光伸</t>
  </si>
  <si>
    <t>きくち消化器・内科クリニック</t>
  </si>
  <si>
    <t>横須賀市衣笠栄町2-66-3　ＫＭビル2Ｆ</t>
  </si>
  <si>
    <t>消化器内科</t>
  </si>
  <si>
    <t>小林　博通</t>
  </si>
  <si>
    <t>コンフォート衣笠クリニック</t>
  </si>
  <si>
    <t>横須賀市衣笠町44-4</t>
  </si>
  <si>
    <t>外科、訪問診療科</t>
  </si>
  <si>
    <t>山岡　一昭</t>
  </si>
  <si>
    <t>鴨居ファミリークリニック</t>
  </si>
  <si>
    <t>横須賀市鴨居1-17-16　2Ｆ</t>
  </si>
  <si>
    <t>柿沼　一隆</t>
  </si>
  <si>
    <t>浦賀メディカルクリニック</t>
  </si>
  <si>
    <t>横須賀市鴨居2-6-1</t>
  </si>
  <si>
    <t>内科、呼吸器内科</t>
  </si>
  <si>
    <t>塩川　健夫</t>
  </si>
  <si>
    <t>小磯第２診療所</t>
  </si>
  <si>
    <t>横須賀市鴨居2-80-37</t>
  </si>
  <si>
    <t>磯崎　哲男</t>
  </si>
  <si>
    <t>小磯診療所</t>
  </si>
  <si>
    <t>横須賀市鴨居2-80-9</t>
  </si>
  <si>
    <t>猿川　麻衣子</t>
  </si>
  <si>
    <t>皮膚科</t>
  </si>
  <si>
    <t>奥田　久美子</t>
  </si>
  <si>
    <t>吉村　紫</t>
  </si>
  <si>
    <t>山本　恵理</t>
  </si>
  <si>
    <t>山本　詩子</t>
  </si>
  <si>
    <t>小山　めぐみ</t>
  </si>
  <si>
    <t>内科、血液内科</t>
  </si>
  <si>
    <t>中山　沙映</t>
  </si>
  <si>
    <t>鈴木　理央</t>
  </si>
  <si>
    <t>土田　匡明</t>
  </si>
  <si>
    <t>湘南山手つちだクリニック</t>
  </si>
  <si>
    <t>横須賀市吉井2-3-5</t>
  </si>
  <si>
    <t>内科、小児科</t>
  </si>
  <si>
    <t>松浦　史郎</t>
  </si>
  <si>
    <t>久里浜在宅クリニック</t>
  </si>
  <si>
    <t>横須賀市久里浜1-10-5</t>
  </si>
  <si>
    <t>山本　紫</t>
  </si>
  <si>
    <t>久里浜駅前皮フ科</t>
  </si>
  <si>
    <t>横須賀市久里浜1-3-18　サンヨービル2Ｆ</t>
  </si>
  <si>
    <t>山本　聡</t>
  </si>
  <si>
    <t>梅原　敬司</t>
  </si>
  <si>
    <t>久里浜プラムクリニック</t>
  </si>
  <si>
    <t>横須賀市久里浜3-10-2-101</t>
  </si>
  <si>
    <t>内科、消化器内科</t>
  </si>
  <si>
    <t>中村　雄一郎</t>
  </si>
  <si>
    <t>中村整形外科</t>
  </si>
  <si>
    <t>横須賀市久里浜4-11-15</t>
  </si>
  <si>
    <t>リウマチ科、整形外科、リハビリテーション科</t>
  </si>
  <si>
    <t>黒澤　伝枝</t>
  </si>
  <si>
    <t>コスモス皮膚科</t>
  </si>
  <si>
    <t>横須賀市久里浜4-15-7</t>
  </si>
  <si>
    <t>黒澤　治樹</t>
  </si>
  <si>
    <t>黒沢クリニック</t>
  </si>
  <si>
    <t>横須賀市久里浜4-15-7　ＫＨビル2Ｆ</t>
  </si>
  <si>
    <t>内科、外科、消化器内科</t>
  </si>
  <si>
    <t>飯島　貴宏</t>
  </si>
  <si>
    <t>久里浜糖尿病・甲状腺クリニック</t>
  </si>
  <si>
    <t>横須賀市久里浜4-3-12　Lビル205</t>
  </si>
  <si>
    <t>糖尿病内科、内分泌内科</t>
  </si>
  <si>
    <t>河合　祐子</t>
  </si>
  <si>
    <t>久里浜眼科</t>
  </si>
  <si>
    <t>横須賀市久里浜4-8-16</t>
  </si>
  <si>
    <t>成田　理会子</t>
  </si>
  <si>
    <t>田部　早織</t>
  </si>
  <si>
    <t>藤野　聡</t>
  </si>
  <si>
    <t>青木　大輔</t>
  </si>
  <si>
    <t>青木耳鼻咽喉科医院</t>
  </si>
  <si>
    <t>横須賀市久里浜5-11-20</t>
  </si>
  <si>
    <t>耳鼻いんこう科</t>
  </si>
  <si>
    <t>吉澤　雄介</t>
  </si>
  <si>
    <t>久里浜みなとクリニック</t>
  </si>
  <si>
    <t>横須賀市久里浜5-12-21</t>
  </si>
  <si>
    <t>腎臓内科</t>
  </si>
  <si>
    <t>横井　育宝</t>
  </si>
  <si>
    <t>久里浜横井クリニック</t>
  </si>
  <si>
    <t>横須賀市久里浜5-13-17</t>
  </si>
  <si>
    <t>金城　美幸</t>
  </si>
  <si>
    <t>津浦　幸夫</t>
  </si>
  <si>
    <t>つうらクリニック</t>
  </si>
  <si>
    <t>横須賀市久里浜5-14-14-3F</t>
  </si>
  <si>
    <t>内科、病理診断科</t>
  </si>
  <si>
    <t>野澤　つばさ</t>
  </si>
  <si>
    <t>つばさ在宅ファミリークリニック</t>
  </si>
  <si>
    <t>横須賀市金谷1-1-3　横山ビル301号室</t>
  </si>
  <si>
    <t>内科、総合診療、訪問診療</t>
  </si>
  <si>
    <t>野澤　広子</t>
  </si>
  <si>
    <t>新明　卓夫</t>
  </si>
  <si>
    <t>新明外科胃腸科</t>
  </si>
  <si>
    <t>横須賀市金谷2-2-15</t>
  </si>
  <si>
    <t>呼吸器外科</t>
  </si>
  <si>
    <t>富永　俊行</t>
  </si>
  <si>
    <t>富永整形外科</t>
  </si>
  <si>
    <t>横須賀市公郷町1-55-1</t>
  </si>
  <si>
    <t>妹尾　武彦</t>
  </si>
  <si>
    <t>妹尾内科医院</t>
  </si>
  <si>
    <t>横須賀市公郷町1-58-4</t>
  </si>
  <si>
    <t>佐藤　眞紀子</t>
  </si>
  <si>
    <t>フロムワン付属診療所</t>
  </si>
  <si>
    <t>横須賀市公郷町3-68-3</t>
  </si>
  <si>
    <t>内科、リウマチ科</t>
  </si>
  <si>
    <t>村岡　光久</t>
  </si>
  <si>
    <t>村岡クリニック</t>
  </si>
  <si>
    <t>横須賀市根岸町2-22ｰ8 第1赤坂ビル2F</t>
  </si>
  <si>
    <t>岡本　武</t>
  </si>
  <si>
    <t>北久里浜皮フ科クリニック</t>
  </si>
  <si>
    <t>横須賀市根岸町2-22-8-3F</t>
  </si>
  <si>
    <t>アレルギー科、皮膚科、病理診断科</t>
  </si>
  <si>
    <t>加藤　英記</t>
  </si>
  <si>
    <t>かとう眼科クリニック</t>
  </si>
  <si>
    <t>横須賀市根岸町2-31-13　ナヴィール北久里浜2Ｆ</t>
  </si>
  <si>
    <t>稲葉　直人</t>
  </si>
  <si>
    <t>北久里浜たくちクリニック</t>
  </si>
  <si>
    <t>横須賀市根岸町3-16-1</t>
  </si>
  <si>
    <t>中西　太一</t>
  </si>
  <si>
    <t>北村　健一郎</t>
  </si>
  <si>
    <t>髙宮　光</t>
  </si>
  <si>
    <t>髙宮小児科</t>
  </si>
  <si>
    <t>横須賀市根岸町4-3-20</t>
  </si>
  <si>
    <t>髙澤　俊治</t>
  </si>
  <si>
    <t>髙澤整形外科醫院</t>
  </si>
  <si>
    <t>横須賀市佐野町4-51　関本クリニックビル1Ｆ</t>
  </si>
  <si>
    <t>加藤　明世</t>
  </si>
  <si>
    <t>あき・アイクリニック</t>
  </si>
  <si>
    <t>横須賀市佐野町4-51　関本クリニックビル3F</t>
  </si>
  <si>
    <t>小野田　正美</t>
  </si>
  <si>
    <t>小野田医院</t>
  </si>
  <si>
    <t>横須賀市坂本町1-2</t>
  </si>
  <si>
    <t>犬塚　宗希</t>
  </si>
  <si>
    <t>しんわ全人クリニック</t>
  </si>
  <si>
    <t>横須賀市三春町1-3</t>
  </si>
  <si>
    <t>内科、整形外科</t>
  </si>
  <si>
    <t>梅本　淳一</t>
  </si>
  <si>
    <t>堀ノ内駅前皮膚科</t>
  </si>
  <si>
    <t>横須賀市三春町3-24-6 2F</t>
  </si>
  <si>
    <t>中村　昌生</t>
  </si>
  <si>
    <t>堀ノ内眼科診療所</t>
  </si>
  <si>
    <t>横須賀市三春町3-30</t>
  </si>
  <si>
    <t>伊藤　隆義</t>
  </si>
  <si>
    <t>伊藤診療所</t>
  </si>
  <si>
    <t>横須賀市汐入町2-38</t>
  </si>
  <si>
    <t>阿瀬川　孝治</t>
  </si>
  <si>
    <t>汐入メンタルクリニック</t>
  </si>
  <si>
    <t>横須賀市汐入町2-7-1　山下ビル2・3F</t>
  </si>
  <si>
    <t>心療内科、精神科、神経科</t>
  </si>
  <si>
    <t>越宗　紀一郎</t>
  </si>
  <si>
    <t>後藤　健一</t>
  </si>
  <si>
    <t>松下　淳子</t>
  </si>
  <si>
    <t>川村　邦彦</t>
  </si>
  <si>
    <t>川村眼科</t>
  </si>
  <si>
    <t>横須賀市若松町2-30　横須賀モアーズ5F</t>
  </si>
  <si>
    <t>杉浦　徹</t>
  </si>
  <si>
    <t>杉浦循環器内科クリニック</t>
  </si>
  <si>
    <t>横須賀市若松町2-5　矢島ビル5F</t>
  </si>
  <si>
    <t>循環器内科</t>
  </si>
  <si>
    <t>松岡　幹雄</t>
  </si>
  <si>
    <t>中央内科クリニック</t>
  </si>
  <si>
    <t>横須賀市若松町2-7　藤田ビル4F</t>
  </si>
  <si>
    <t>下郡　佳</t>
  </si>
  <si>
    <t>秋谷潮かぜ診療所</t>
  </si>
  <si>
    <t>横須賀市秋谷4430-2F</t>
  </si>
  <si>
    <t>横井　英人</t>
  </si>
  <si>
    <t>横須賀市舟倉1-30-12</t>
  </si>
  <si>
    <t>内科、外科</t>
  </si>
  <si>
    <t>村上　健彦</t>
  </si>
  <si>
    <t>神奈川歯科大学付属病院</t>
  </si>
  <si>
    <t>横須賀市小川町1-23</t>
  </si>
  <si>
    <t>橋本　達夫</t>
  </si>
  <si>
    <t>神奈川歯科大学附属病院</t>
  </si>
  <si>
    <t>青木　一孝</t>
  </si>
  <si>
    <t>糖尿病・内分泌内科</t>
  </si>
  <si>
    <t>眞鍋　雄太</t>
  </si>
  <si>
    <t>高齢者内科・脳神経内科</t>
  </si>
  <si>
    <t>小澤　潔</t>
  </si>
  <si>
    <t>横須賀クリニック</t>
  </si>
  <si>
    <t>横須賀市小川町24</t>
  </si>
  <si>
    <t>山下　航</t>
  </si>
  <si>
    <t>こうようクリニック</t>
  </si>
  <si>
    <t>横須賀市小川町28-1横須賀ハイム204</t>
  </si>
  <si>
    <t>花城　恒</t>
  </si>
  <si>
    <t>アグリホームクリニック　よこすか</t>
  </si>
  <si>
    <t>横須賀市小矢部2-19-10　小矢部第1菱田ビル1F・2F</t>
  </si>
  <si>
    <t>内科、精神科、外科</t>
  </si>
  <si>
    <t>岡村　隆一郎</t>
  </si>
  <si>
    <t>衣笠病院</t>
  </si>
  <si>
    <t>横須賀市小矢部2-23-1</t>
  </si>
  <si>
    <t>外科</t>
  </si>
  <si>
    <t>梶谷　雅子</t>
  </si>
  <si>
    <t>岩田　啓吾</t>
  </si>
  <si>
    <t>亀井　奈津子</t>
  </si>
  <si>
    <t>消化器外科</t>
  </si>
  <si>
    <t>吉田　実</t>
  </si>
  <si>
    <t>泌尿器科</t>
  </si>
  <si>
    <t>水野　華子</t>
  </si>
  <si>
    <t>菅谷　和江</t>
  </si>
  <si>
    <t>石井　淳一郎</t>
  </si>
  <si>
    <t>増田　敏光</t>
  </si>
  <si>
    <t>竹永　清人</t>
  </si>
  <si>
    <t>徳原　秀典</t>
  </si>
  <si>
    <t>南　次郎</t>
  </si>
  <si>
    <t>馬渕　一徳</t>
  </si>
  <si>
    <t>神経内科、リハビリテーション科</t>
  </si>
  <si>
    <t>梅原　亮</t>
  </si>
  <si>
    <t>野村　直子</t>
  </si>
  <si>
    <t>山川　泰</t>
  </si>
  <si>
    <t>衣笠病院附属在宅クリニック</t>
  </si>
  <si>
    <t>横須賀市小矢部2-25-14-2F</t>
  </si>
  <si>
    <t>小林　零</t>
  </si>
  <si>
    <t>齋藤　友紀</t>
  </si>
  <si>
    <t>さいとう内科クリニック</t>
  </si>
  <si>
    <t>横須賀市上町1-40-12　1F</t>
  </si>
  <si>
    <t>脳神経内科</t>
  </si>
  <si>
    <t>髙橋　宏太</t>
  </si>
  <si>
    <t>横須賀市立うわまち病院</t>
  </si>
  <si>
    <t>横須賀市上町2-36</t>
  </si>
  <si>
    <t>志澤　良一</t>
  </si>
  <si>
    <t>しざわクリニック</t>
  </si>
  <si>
    <t>横須賀市上町2-7-5　横須賀上クリニックビル3Ｆ</t>
  </si>
  <si>
    <t>坂本　龍</t>
  </si>
  <si>
    <t>坂本内科クリニック</t>
  </si>
  <si>
    <t>横須賀市上町3-14-2</t>
  </si>
  <si>
    <t>田近　研一郎</t>
  </si>
  <si>
    <t>田近内科・循環器科</t>
  </si>
  <si>
    <t>横須賀市深田台76-1</t>
  </si>
  <si>
    <t>内科、循環器科</t>
  </si>
  <si>
    <t>安達　晃一</t>
  </si>
  <si>
    <t>横須賀市立総合医療センター</t>
  </si>
  <si>
    <t>横須賀市神明町1-8</t>
  </si>
  <si>
    <t>心臓血管外科</t>
  </si>
  <si>
    <t>羽柴　克孝</t>
  </si>
  <si>
    <t>黄　英茂</t>
  </si>
  <si>
    <t>岩橋　幸子</t>
  </si>
  <si>
    <t>神経内科</t>
  </si>
  <si>
    <t>岩澤　孝昌</t>
  </si>
  <si>
    <t>吉原　努</t>
  </si>
  <si>
    <t>吉村　道博</t>
  </si>
  <si>
    <t>宮川　まみ</t>
  </si>
  <si>
    <t>宮本　朋幸</t>
  </si>
  <si>
    <t>古川　潔人</t>
  </si>
  <si>
    <t>荒木　浩</t>
  </si>
  <si>
    <t>高橋　伸太郎</t>
  </si>
  <si>
    <t>高瀬　税</t>
  </si>
  <si>
    <t>形成外科</t>
  </si>
  <si>
    <t>黒木　茂</t>
  </si>
  <si>
    <t>佐藤　晋二</t>
  </si>
  <si>
    <t>砂川　浩</t>
  </si>
  <si>
    <t>麻酔科</t>
  </si>
  <si>
    <t>細野　邦広</t>
  </si>
  <si>
    <t>坂　賢一郎</t>
  </si>
  <si>
    <t>三浦　溥太郎</t>
  </si>
  <si>
    <t>三宅　俊之</t>
  </si>
  <si>
    <t>山田　俊介</t>
  </si>
  <si>
    <t>山田　壯一</t>
  </si>
  <si>
    <t>リウマチ科</t>
  </si>
  <si>
    <t>山藤　陽子</t>
  </si>
  <si>
    <t>山本　みのり</t>
  </si>
  <si>
    <t>産婦人科</t>
  </si>
  <si>
    <t>山本　和良</t>
  </si>
  <si>
    <t>リウマチ科、整形外科</t>
  </si>
  <si>
    <t>山脇　理弘</t>
  </si>
  <si>
    <t>志村　岳</t>
  </si>
  <si>
    <t>松下　武史</t>
  </si>
  <si>
    <t>沼田　裕一</t>
  </si>
  <si>
    <t>上原　隆志</t>
  </si>
  <si>
    <t>森川　瑛一郎</t>
  </si>
  <si>
    <t>神尾　学</t>
  </si>
  <si>
    <t>菅沼　利行</t>
  </si>
  <si>
    <t>西本　浩之</t>
  </si>
  <si>
    <t>青柳　盟史</t>
  </si>
  <si>
    <t>折戸　啓介</t>
  </si>
  <si>
    <t>川村　瑞穂</t>
  </si>
  <si>
    <t>浅見　由希子</t>
  </si>
  <si>
    <t>大谷　菜穂子</t>
  </si>
  <si>
    <t>池田　隆明</t>
  </si>
  <si>
    <t>中谷　研介</t>
  </si>
  <si>
    <t>長谷川　敬和</t>
  </si>
  <si>
    <t>田中　健一</t>
  </si>
  <si>
    <t>東島　威史</t>
  </si>
  <si>
    <t>保格　宏務</t>
  </si>
  <si>
    <t>リハビリテーション科</t>
  </si>
  <si>
    <t>堀　聡</t>
  </si>
  <si>
    <t>本多　英喜</t>
  </si>
  <si>
    <t>内科、救急科</t>
  </si>
  <si>
    <t>木田　博勝</t>
  </si>
  <si>
    <t>婦人科</t>
  </si>
  <si>
    <t>和知　敏樹</t>
  </si>
  <si>
    <t>齊藤　麻美</t>
  </si>
  <si>
    <t>大河内　稔</t>
  </si>
  <si>
    <t>岩野 剛久</t>
  </si>
  <si>
    <t>佐々木　恵一</t>
  </si>
  <si>
    <t>佐々木Ｋクリニック</t>
  </si>
  <si>
    <t>横須賀市西逸見町1-5</t>
  </si>
  <si>
    <t>整形外科、形成外科</t>
  </si>
  <si>
    <t>栗原　大智</t>
  </si>
  <si>
    <t>よこすか浦賀病院</t>
  </si>
  <si>
    <t>横須賀市西浦賀1-11-1</t>
  </si>
  <si>
    <t>松下　ゆり</t>
  </si>
  <si>
    <t>石田　育男</t>
  </si>
  <si>
    <t>鈴木　祥生</t>
  </si>
  <si>
    <t>杉山　厚</t>
  </si>
  <si>
    <t>田浦内科クリニック</t>
  </si>
  <si>
    <t>横須賀市船越町1-58-6</t>
  </si>
  <si>
    <t>久保　章</t>
  </si>
  <si>
    <t>第三湘南グリーン介護老人保健施設</t>
  </si>
  <si>
    <t>横須賀市太田和5-85-20</t>
  </si>
  <si>
    <t>消化器科、外科</t>
  </si>
  <si>
    <t>陳　介任</t>
  </si>
  <si>
    <t>横須賀中央眼科</t>
  </si>
  <si>
    <t>横須賀市大滝町2-6</t>
  </si>
  <si>
    <t>胡田　麻里</t>
  </si>
  <si>
    <t>横須賀市大滝町2-6　ザ・タワー横須賀中央</t>
  </si>
  <si>
    <t>小橋川　裕司</t>
  </si>
  <si>
    <t>小橋川　裕子</t>
  </si>
  <si>
    <t>竹前　久美</t>
  </si>
  <si>
    <t>黒坂　望</t>
  </si>
  <si>
    <t>ザ・タワーくまさん整形外科</t>
  </si>
  <si>
    <t>横須賀市大滝町2-6　ザ・タワー横須賀中央2F</t>
  </si>
  <si>
    <t>奥井　伸雄</t>
  </si>
  <si>
    <t>よこすか女性泌尿器科・泌尿器科クリニック</t>
  </si>
  <si>
    <t>横須賀市大滝町2-6　ザ・タワー横須賀中央3012</t>
  </si>
  <si>
    <t>三條　さなえ</t>
  </si>
  <si>
    <t>横須賀市大滝町2-6　ザ・タワー横須賀中央303</t>
  </si>
  <si>
    <t>倉持　雄一</t>
  </si>
  <si>
    <t>勅使川原　剛</t>
  </si>
  <si>
    <t>平田　文彦</t>
  </si>
  <si>
    <t>横須賀タワークリニック</t>
  </si>
  <si>
    <t>横須賀市大滝町2-6　ザ・タワー横須賀中央401</t>
  </si>
  <si>
    <t>内科、循環器内科</t>
  </si>
  <si>
    <t>德永　徹二</t>
  </si>
  <si>
    <t>毛利　貴</t>
  </si>
  <si>
    <t>横須賀大津駅前クリニック</t>
  </si>
  <si>
    <t>横須賀市大津町1-12-22</t>
  </si>
  <si>
    <t>内科、外科、消化器内科、肛門外科、内視鏡内科</t>
  </si>
  <si>
    <t>酒井　あゆみ</t>
  </si>
  <si>
    <t>みやざわ皮膚科</t>
  </si>
  <si>
    <t>横須賀市大津町1-16-6</t>
  </si>
  <si>
    <t>宮沢　めぐみ</t>
  </si>
  <si>
    <t>横須賀市大津町1-16-6　中央商工ビル２F</t>
  </si>
  <si>
    <t>君島　康一</t>
  </si>
  <si>
    <t>君島整形外科</t>
  </si>
  <si>
    <t>横須賀市大津町1-20-5</t>
  </si>
  <si>
    <t>石橋　啓如</t>
  </si>
  <si>
    <t>石橋クリニック</t>
  </si>
  <si>
    <t>横須賀市大津町1-8-32</t>
  </si>
  <si>
    <t>内科、消化器内科、肝臓内科</t>
  </si>
  <si>
    <t>舛井　秀宣</t>
  </si>
  <si>
    <t>湘南病院</t>
  </si>
  <si>
    <t>横須賀市鷹取1-1-1</t>
  </si>
  <si>
    <t>吉武　典昭</t>
  </si>
  <si>
    <t>湘南福祉協会総合病院湘南病院</t>
  </si>
  <si>
    <t>佐野　光一</t>
  </si>
  <si>
    <t>呼吸器内科</t>
  </si>
  <si>
    <t>小野寺　誠悟</t>
  </si>
  <si>
    <t>新井　猛</t>
  </si>
  <si>
    <t>森　泉</t>
  </si>
  <si>
    <t>大滝　紀宏</t>
  </si>
  <si>
    <t>精神科</t>
  </si>
  <si>
    <t>中村　紫織</t>
  </si>
  <si>
    <t>中野　浩志</t>
  </si>
  <si>
    <t>安間　伸</t>
  </si>
  <si>
    <t>恵徳会在宅医療クリニック</t>
  </si>
  <si>
    <t>横須賀市池上1-4-5</t>
  </si>
  <si>
    <t>加藤　利章</t>
  </si>
  <si>
    <t>栗木　祐介</t>
  </si>
  <si>
    <t>澤崎　弘美</t>
  </si>
  <si>
    <t>いけがみ眼科整形外科</t>
  </si>
  <si>
    <t>横須賀市池上7-13-1</t>
  </si>
  <si>
    <t>加藤　正典</t>
  </si>
  <si>
    <t>みらいクリニック横須賀</t>
  </si>
  <si>
    <t>横須賀市池田町5-13-18 ストーリア201</t>
  </si>
  <si>
    <t>内科、消化器内科、消化器外科</t>
  </si>
  <si>
    <t>橋本　善弘</t>
  </si>
  <si>
    <t>内科、消化器外科、消化器内科</t>
  </si>
  <si>
    <t>山口　健一</t>
  </si>
  <si>
    <t>長井眼科クリニック</t>
  </si>
  <si>
    <t>横須賀市長井1-23-1</t>
  </si>
  <si>
    <t>吉田　環</t>
  </si>
  <si>
    <t>横須賀市立市民病院</t>
  </si>
  <si>
    <t>横須賀市長坂1-3-2</t>
  </si>
  <si>
    <t>吉田　俊</t>
  </si>
  <si>
    <t>栗田　悠輔</t>
  </si>
  <si>
    <t>原野　浩</t>
  </si>
  <si>
    <t>血液内科</t>
  </si>
  <si>
    <t>三宅　益代</t>
  </si>
  <si>
    <t>山内　淳司</t>
  </si>
  <si>
    <t>小松　和人</t>
  </si>
  <si>
    <t>松下　祐希子</t>
  </si>
  <si>
    <t>杉浦　康之</t>
  </si>
  <si>
    <t>内分泌・糖尿病内科</t>
  </si>
  <si>
    <t>杉浦　浩朗</t>
  </si>
  <si>
    <t>石川　博之</t>
  </si>
  <si>
    <t>関節外科、人口関節センター</t>
  </si>
  <si>
    <t>相原　利男</t>
  </si>
  <si>
    <t>草間　香里</t>
  </si>
  <si>
    <t>大瀧　浩之</t>
  </si>
  <si>
    <t>池田　孝秀</t>
  </si>
  <si>
    <t>中山　岳龍</t>
  </si>
  <si>
    <t>長嶺　弘太郎</t>
  </si>
  <si>
    <t>塚原　知隆</t>
  </si>
  <si>
    <t>田中　遼</t>
  </si>
  <si>
    <t>土屋　博久</t>
  </si>
  <si>
    <t>藤川　敦</t>
  </si>
  <si>
    <t>道端　信貴</t>
  </si>
  <si>
    <t>冨岡　敏也</t>
  </si>
  <si>
    <t>服部　恭久</t>
  </si>
  <si>
    <t>保田　勉</t>
  </si>
  <si>
    <t>國保　敏晴</t>
  </si>
  <si>
    <t>髙畑　豪</t>
  </si>
  <si>
    <t>福内　史子</t>
  </si>
  <si>
    <t>西部腎クリニック</t>
  </si>
  <si>
    <t>横須賀市長坂3-8-9</t>
  </si>
  <si>
    <t>深澤　信悟</t>
  </si>
  <si>
    <t>ふかさわクリニック</t>
  </si>
  <si>
    <t>横須賀市長沢1-33-7　ルビエーヌ長沢Ｂ 1F</t>
  </si>
  <si>
    <t>愛甲　健</t>
  </si>
  <si>
    <t>すこやか耳鼻咽喉科</t>
  </si>
  <si>
    <t>横須賀市長沢3-1-30</t>
  </si>
  <si>
    <t>矢吹　健一郎</t>
  </si>
  <si>
    <t>大畠　崇</t>
  </si>
  <si>
    <t>津久井浜整形外科</t>
  </si>
  <si>
    <t>横須賀市津久井1-2-10</t>
  </si>
  <si>
    <t>坂口　新</t>
  </si>
  <si>
    <t>青山会津久井浜クリニック</t>
  </si>
  <si>
    <t>横須賀市津久井3-22-1</t>
  </si>
  <si>
    <t>小川　成章</t>
  </si>
  <si>
    <t>追浜仁正クリニック</t>
  </si>
  <si>
    <t>横須賀市追浜町3-1　エルシャンテ追浜ビル4F</t>
  </si>
  <si>
    <t>梶本　美智子</t>
  </si>
  <si>
    <t>かじもと眼科</t>
  </si>
  <si>
    <t>横須賀市追浜町3-2　ナスカクリニックビル3F</t>
  </si>
  <si>
    <t>長井　孝夫</t>
  </si>
  <si>
    <t>夏島医院</t>
  </si>
  <si>
    <t>横須賀市追浜東町3-65　追浜海岸A棟2F</t>
  </si>
  <si>
    <t>内科、胃腸科、外科、こう門科</t>
  </si>
  <si>
    <t>福田　理子</t>
  </si>
  <si>
    <t>追浜駅前眼科</t>
  </si>
  <si>
    <t>横須賀市追浜本町1-28-5</t>
  </si>
  <si>
    <t>今井　信介</t>
  </si>
  <si>
    <t>今井内科　大腸肛門クリニック</t>
  </si>
  <si>
    <t>横須賀市追浜本町1-28-5　サンビーチ追浜4Ｆ</t>
  </si>
  <si>
    <t>胃腸内科、肛門外科</t>
  </si>
  <si>
    <t>千場　純</t>
  </si>
  <si>
    <t>まちの診療所つるがおか</t>
  </si>
  <si>
    <t>横須賀市鶴が丘2-3-9</t>
  </si>
  <si>
    <t>白井　輝</t>
  </si>
  <si>
    <t>三好　優香</t>
  </si>
  <si>
    <t>自衛隊横須賀病院</t>
  </si>
  <si>
    <t>横須賀市田浦港町1766-1</t>
  </si>
  <si>
    <t>寺本　裕明</t>
  </si>
  <si>
    <t>小原　一葉</t>
  </si>
  <si>
    <t>内科、呼吸器科</t>
  </si>
  <si>
    <t>松崎　宏治</t>
  </si>
  <si>
    <t>消化器内科、一般内科</t>
  </si>
  <si>
    <t>渡邉　智恵</t>
  </si>
  <si>
    <t>渡邉　隼</t>
  </si>
  <si>
    <t>耳鼻いんこう科、頭頸部外科</t>
  </si>
  <si>
    <t>和田　晃典</t>
  </si>
  <si>
    <t>秋澤　暢達</t>
  </si>
  <si>
    <t>秋澤医院</t>
  </si>
  <si>
    <t>横須賀市田浦町2-5</t>
  </si>
  <si>
    <t>内科、神経内科</t>
  </si>
  <si>
    <t>佐藤　修一</t>
  </si>
  <si>
    <t>佐藤眼科クリニック</t>
  </si>
  <si>
    <t>横須賀市東浦賀1-1-7　高橋ビル2F</t>
  </si>
  <si>
    <t>吉池　保博</t>
  </si>
  <si>
    <t>よしいけ内科クリニック</t>
  </si>
  <si>
    <t>横須賀市東浦賀1-1-7-3Ｆ</t>
  </si>
  <si>
    <t>呼吸器科、アレルギー科</t>
  </si>
  <si>
    <t>野尻　陽子</t>
  </si>
  <si>
    <t>湘南内科医院</t>
  </si>
  <si>
    <t>横須賀市日の出町1-7</t>
  </si>
  <si>
    <t>放射線科</t>
  </si>
  <si>
    <t>工藤　澄彦</t>
  </si>
  <si>
    <t>工藤医院</t>
  </si>
  <si>
    <t>横須賀市馬堀海岸3-26-7</t>
  </si>
  <si>
    <t>内科、皮膚科、循環器内科</t>
  </si>
  <si>
    <t>蔭原　聞天</t>
  </si>
  <si>
    <t>斉藤内科医院</t>
  </si>
  <si>
    <t>横須賀市馬堀町2-13-2</t>
  </si>
  <si>
    <t>柴田　英登</t>
  </si>
  <si>
    <t>米海軍横須賀基地診療所　健康管理室</t>
  </si>
  <si>
    <t>横須賀市泊町1 米海軍横須賀基地内 B-68</t>
  </si>
  <si>
    <t>総合診療科</t>
  </si>
  <si>
    <t>松山　明正</t>
  </si>
  <si>
    <t>武山内科</t>
  </si>
  <si>
    <t>横須賀市武1-20-17　ライフコート横須賀武山2F</t>
  </si>
  <si>
    <t>松木　佑介</t>
  </si>
  <si>
    <t>サンライズファミリークリニック</t>
  </si>
  <si>
    <t>横須賀市武1-28-5</t>
  </si>
  <si>
    <t>立野　慶</t>
  </si>
  <si>
    <t>山形　寿文</t>
  </si>
  <si>
    <t>山形医院</t>
  </si>
  <si>
    <t>横須賀市武2-12-3</t>
  </si>
  <si>
    <t>武　王基</t>
  </si>
  <si>
    <t>武整形外科</t>
  </si>
  <si>
    <t>横須賀市武3-5-36</t>
  </si>
  <si>
    <t>古府　照男</t>
  </si>
  <si>
    <t>恵徳会整形外科クリニック</t>
  </si>
  <si>
    <t>横須賀市平作3-20-15　衣笠かつみクリニックビル4F・5F</t>
  </si>
  <si>
    <t>田中　信哲</t>
  </si>
  <si>
    <t>衣笠診療所</t>
  </si>
  <si>
    <t>横須賀市平作7-10-27</t>
  </si>
  <si>
    <t>松岡　晃弘</t>
  </si>
  <si>
    <t>すずらん皮膚科クリニック</t>
  </si>
  <si>
    <t>横須賀市平作8-20-8-3Ｆ</t>
  </si>
  <si>
    <t>綾部　純一</t>
  </si>
  <si>
    <t>横須賀共済病院</t>
  </si>
  <si>
    <t>横須賀市米が浜通1-16</t>
  </si>
  <si>
    <t>安原　義昌</t>
  </si>
  <si>
    <t>安田　武洋</t>
  </si>
  <si>
    <t>安藝　昇太</t>
  </si>
  <si>
    <t>榎本　晃</t>
  </si>
  <si>
    <t>夏目　一郎</t>
  </si>
  <si>
    <t>河野　克之</t>
  </si>
  <si>
    <t>金子　由佳</t>
  </si>
  <si>
    <t>熊本　宜文</t>
  </si>
  <si>
    <t>黒木　秀仁</t>
  </si>
  <si>
    <t>根本　大士</t>
  </si>
  <si>
    <t>佐川　展子</t>
  </si>
  <si>
    <t>三島　弘之</t>
  </si>
  <si>
    <t>小馬瀬　一樹</t>
  </si>
  <si>
    <t>小野　秀高</t>
  </si>
  <si>
    <t>小林　一樹</t>
  </si>
  <si>
    <t>新井　勝春</t>
  </si>
  <si>
    <t>森　義明</t>
  </si>
  <si>
    <t>川村　祐介</t>
  </si>
  <si>
    <t>救急科</t>
  </si>
  <si>
    <t>川﨑　泰輔</t>
  </si>
  <si>
    <t>浅野　広大</t>
  </si>
  <si>
    <t>大久保　健史</t>
  </si>
  <si>
    <t>大谷　恵</t>
  </si>
  <si>
    <t>大田　洋平</t>
  </si>
  <si>
    <t>竹内　聡</t>
  </si>
  <si>
    <t>中山　明仁</t>
  </si>
  <si>
    <t>中村　圭佑</t>
  </si>
  <si>
    <t>中村　典彦</t>
  </si>
  <si>
    <t>田中　啓之</t>
  </si>
  <si>
    <t>田中　泰章</t>
  </si>
  <si>
    <t>田中　文平</t>
  </si>
  <si>
    <t>田中　良英</t>
  </si>
  <si>
    <t>田邊　陽子</t>
  </si>
  <si>
    <t>渡部　慎太郎</t>
  </si>
  <si>
    <t>渡辺　秀樹</t>
  </si>
  <si>
    <t>東　貴行</t>
  </si>
  <si>
    <t>入岡　隆</t>
  </si>
  <si>
    <t>柏木　慎也</t>
  </si>
  <si>
    <t>疋田　浩之</t>
  </si>
  <si>
    <t>菱刈　景一</t>
  </si>
  <si>
    <t>富永　慎一郎</t>
  </si>
  <si>
    <t>副島　一樹</t>
  </si>
  <si>
    <t>平井　倫太朗</t>
  </si>
  <si>
    <t>平松　功太郎</t>
  </si>
  <si>
    <t>平澤　卓</t>
  </si>
  <si>
    <t>片野　俊弘</t>
  </si>
  <si>
    <t>豊田　茂雄</t>
  </si>
  <si>
    <t>木村　直樹</t>
  </si>
  <si>
    <t>膠原病・リウマチ内科</t>
  </si>
  <si>
    <t>木谷　有加</t>
  </si>
  <si>
    <t>耳鼻科</t>
  </si>
  <si>
    <t>野尻　和典</t>
  </si>
  <si>
    <t>鈴木 一宏</t>
  </si>
  <si>
    <t>鈴木　秀明</t>
  </si>
  <si>
    <t>澁谷　誠</t>
  </si>
  <si>
    <t>内分泌代謝内科</t>
  </si>
  <si>
    <t>髙畑　篤</t>
  </si>
  <si>
    <t>原　誠</t>
  </si>
  <si>
    <t>くすの木クリニック</t>
  </si>
  <si>
    <t>横須賀市米が浜通1-17　ＹＭ　BLDG.4F,5F</t>
  </si>
  <si>
    <t>内科、心療内科、消化器内科</t>
  </si>
  <si>
    <t>原　史子</t>
  </si>
  <si>
    <t>横須賀市米が浜通1-17　ＹＭビル4・5Ｆ</t>
  </si>
  <si>
    <t>内科、小児科、消化器内科</t>
  </si>
  <si>
    <t>春田　明郎</t>
  </si>
  <si>
    <t>横須賀中央診療所</t>
  </si>
  <si>
    <t>横須賀市米が浜通1-18-15</t>
  </si>
  <si>
    <t>井上　桂</t>
  </si>
  <si>
    <t>かつら整形外科・皮フ科</t>
  </si>
  <si>
    <t>横須賀市米が浜通1-3-25　KARS SQUARE2.3F</t>
  </si>
  <si>
    <t>山下　隆司</t>
  </si>
  <si>
    <t>山下ファミリークリニック</t>
  </si>
  <si>
    <t>横須賀市米が浜通1-4-6-3F</t>
  </si>
  <si>
    <t>内科、胃腸科、循環器科、アレルギー科、小児科</t>
  </si>
  <si>
    <t>向笠　浩司</t>
  </si>
  <si>
    <t>よこすか甲状腺内科クリニック</t>
  </si>
  <si>
    <t>横須賀市米が浜通1-7-2　サクマ横須賀ビル1F</t>
  </si>
  <si>
    <t>内科、内分泌内科</t>
  </si>
  <si>
    <t>水野　靖大</t>
  </si>
  <si>
    <t>マールクリニック横須賀</t>
  </si>
  <si>
    <t>横須賀市米が浜通1-8-7　共立米が浜ビル5Ｆ</t>
  </si>
  <si>
    <t>梶江 晋平</t>
  </si>
  <si>
    <t>神蔵　宏臣</t>
  </si>
  <si>
    <t>水口整形外科</t>
  </si>
  <si>
    <t>横須賀市米が浜通2-4</t>
  </si>
  <si>
    <t>石ケ坪　諒</t>
  </si>
  <si>
    <t>汐入くまさん整形外科</t>
  </si>
  <si>
    <t>横須賀市本町2-1-12　コースカベイサイドストアーズ1F</t>
  </si>
  <si>
    <t>青葉　重光</t>
  </si>
  <si>
    <t>青葉内科クリニック</t>
  </si>
  <si>
    <t>横須賀市野比1-25-5　荒井ビル1Ｆ</t>
  </si>
  <si>
    <t>内科、脳神経内科</t>
  </si>
  <si>
    <t>菱沼　昭</t>
  </si>
  <si>
    <t>菱沼クリニック</t>
  </si>
  <si>
    <t>横須賀市野比1-42-47</t>
  </si>
  <si>
    <t>金田　建志</t>
  </si>
  <si>
    <t>白ゆり総合リハケアクリニック</t>
  </si>
  <si>
    <t>横須賀市野比2-2-6</t>
  </si>
  <si>
    <t>リハビリテーション科、脳神経内科</t>
  </si>
  <si>
    <t>美濃部　るり子</t>
  </si>
  <si>
    <t>久里浜医療センター</t>
  </si>
  <si>
    <t>横須賀市野比5-3-1</t>
  </si>
  <si>
    <t>遠山　朋海</t>
  </si>
  <si>
    <t>国立病院機構久里浜医療センター</t>
  </si>
  <si>
    <t>水上　健</t>
  </si>
  <si>
    <t>横須賀市野比5ｰ3ｰ1</t>
  </si>
  <si>
    <t>蔵　尚樹</t>
  </si>
  <si>
    <t>横須賀老人ホーム付属診療所</t>
  </si>
  <si>
    <t>横須賀市野比5-5-6</t>
  </si>
  <si>
    <t>内科、泌尿器科</t>
  </si>
  <si>
    <t>戸田　宏幸</t>
  </si>
  <si>
    <t>パシフィックホスピタル</t>
  </si>
  <si>
    <t>横須賀市野比5-7-2</t>
  </si>
  <si>
    <t>北村　純一</t>
  </si>
  <si>
    <t>金子　天哉</t>
  </si>
  <si>
    <t>聖ヨゼフ病院</t>
  </si>
  <si>
    <t>横須賀市緑が丘28</t>
  </si>
  <si>
    <t>三冨　博文</t>
  </si>
  <si>
    <t>柴田　俊子</t>
  </si>
  <si>
    <t>柴田　朋彦</t>
  </si>
  <si>
    <t>小松　典子</t>
  </si>
  <si>
    <t>新井　賢一郎</t>
  </si>
  <si>
    <t>内藤　利仁</t>
  </si>
  <si>
    <t>佐々木　純久</t>
  </si>
  <si>
    <t>野村内科クリニック</t>
  </si>
  <si>
    <t>横須賀市林1-23-6　ミズケンビル2Ｆ</t>
  </si>
  <si>
    <t>野村　良彦</t>
  </si>
  <si>
    <t>横須賀市林1-23-6　ミズケンビル2F</t>
  </si>
  <si>
    <t>新村　武明</t>
  </si>
  <si>
    <t>新村皮フ泌尿クリニック</t>
  </si>
  <si>
    <t>横須賀市林2-1-32-6</t>
  </si>
  <si>
    <t>皮膚科、泌尿器科</t>
  </si>
  <si>
    <t>武藤　和弘</t>
  </si>
  <si>
    <t>武山加藤医院</t>
  </si>
  <si>
    <t>横須賀市林3-1-7</t>
  </si>
  <si>
    <t>石渡　雅男</t>
  </si>
  <si>
    <t>いしわた医院</t>
  </si>
  <si>
    <t>横須賀市林5-8-27</t>
  </si>
  <si>
    <t>原田　三紀夫</t>
  </si>
  <si>
    <t>横内中央医院</t>
  </si>
  <si>
    <t>平塚市</t>
  </si>
  <si>
    <t>平塚市横内2730-1</t>
  </si>
  <si>
    <t>鈴木　一雄</t>
  </si>
  <si>
    <t>すずき小児科クリニック</t>
  </si>
  <si>
    <t>平塚市横内4060　クリエイトSD新平塚横内店2F</t>
  </si>
  <si>
    <t>畑山　年之</t>
  </si>
  <si>
    <t>からだとおなかとしクリニック</t>
  </si>
  <si>
    <t>平塚市横内4060-2F</t>
  </si>
  <si>
    <t>小宮山　学</t>
  </si>
  <si>
    <t>ありがとうみんなファミリークリニック平塚</t>
  </si>
  <si>
    <t>平塚市岡崎215-3</t>
  </si>
  <si>
    <t>早坂　啓伸</t>
  </si>
  <si>
    <t>藤井　徹郎</t>
  </si>
  <si>
    <t>久保田　毅</t>
  </si>
  <si>
    <t>内科　久保田医院</t>
  </si>
  <si>
    <t>平塚市岡崎3531</t>
  </si>
  <si>
    <t>髙橋　孝慈</t>
  </si>
  <si>
    <t>医療法人社団高橋内科小児科整形外科医院</t>
  </si>
  <si>
    <t>平塚市花水台37-24</t>
  </si>
  <si>
    <t>高田　賢</t>
  </si>
  <si>
    <t>在宅・ケア・たかたクリニック</t>
  </si>
  <si>
    <t>平塚市宮の前12-17　office・K2　1F</t>
  </si>
  <si>
    <t>寺田　昌弘</t>
  </si>
  <si>
    <t>寺田医院</t>
  </si>
  <si>
    <t>平塚市宮の前6-3</t>
  </si>
  <si>
    <t>侯　金成</t>
  </si>
  <si>
    <t>こう内科・糖尿病クリニック</t>
  </si>
  <si>
    <t>平塚市宮の前7-2　MKビル2F3F</t>
  </si>
  <si>
    <t>片桐　真人</t>
  </si>
  <si>
    <t>済生会湘南平塚病院</t>
  </si>
  <si>
    <t>平塚市宮松町18-1</t>
  </si>
  <si>
    <t>岡本　泰治</t>
  </si>
  <si>
    <t>湘南平塚病院</t>
  </si>
  <si>
    <t>原田　一樹</t>
  </si>
  <si>
    <t>山田　祐介</t>
  </si>
  <si>
    <t>平塚市宮松町18-１</t>
  </si>
  <si>
    <t>小山　大介</t>
  </si>
  <si>
    <t>松下　礼子</t>
  </si>
  <si>
    <t>石井　圭史</t>
  </si>
  <si>
    <t>北　史子</t>
  </si>
  <si>
    <t>木村　重仁</t>
  </si>
  <si>
    <t>小笠原　総</t>
  </si>
  <si>
    <t>小笠原医院</t>
  </si>
  <si>
    <t>平塚市見附町8-8</t>
  </si>
  <si>
    <t>山内　文夫</t>
  </si>
  <si>
    <t>平塚市御殿1-31-11</t>
  </si>
  <si>
    <t>浜野　ユミ</t>
  </si>
  <si>
    <t>はまの内科脳神経クリニック</t>
  </si>
  <si>
    <t>平塚市御殿3-3-37-1</t>
  </si>
  <si>
    <t>浜野　均</t>
  </si>
  <si>
    <t>飯田　吉則</t>
  </si>
  <si>
    <t>湘南いいだハートクリニック</t>
  </si>
  <si>
    <t>平塚市公所436-7</t>
  </si>
  <si>
    <t>内科、循環器内科、心臓血管内科</t>
  </si>
  <si>
    <t>武川　慶郎</t>
  </si>
  <si>
    <t>武川整形外科</t>
  </si>
  <si>
    <t>平塚市公所887-1</t>
  </si>
  <si>
    <t>秋好　沢林</t>
  </si>
  <si>
    <t>湘南平塚下肢静脈瘤クリニック</t>
  </si>
  <si>
    <t>平塚市紅谷町14-20　FT共同ビル3F</t>
  </si>
  <si>
    <t>血管外科</t>
  </si>
  <si>
    <t>熊頭　勇太</t>
  </si>
  <si>
    <t>くま湘南クリニック</t>
  </si>
  <si>
    <t>平塚市紅谷町17-1　興栄ビル3Ｆ</t>
  </si>
  <si>
    <t>内科・外科・消化器科</t>
  </si>
  <si>
    <t>熊本　吉一</t>
  </si>
  <si>
    <t>平塚市紅谷町17-1　興栄ビル3F</t>
  </si>
  <si>
    <t>胃腸科、外科</t>
  </si>
  <si>
    <t>村本　容崇</t>
  </si>
  <si>
    <t>そよぎハート＆ライフクリニック湘南平塚</t>
  </si>
  <si>
    <t>平塚市紅谷町3-10　セレストタワー湘南平塚ビル2F</t>
  </si>
  <si>
    <t>山口　実菜</t>
  </si>
  <si>
    <t>平塚市紅谷町3-10　セレストタワー湘南平塚ビル2階</t>
  </si>
  <si>
    <t>厚川　和裕</t>
  </si>
  <si>
    <t>永瀬医院</t>
  </si>
  <si>
    <t>平塚市紅谷町9-1 リーデンスタワー湘南平塚302</t>
  </si>
  <si>
    <t>永瀬　剛司</t>
  </si>
  <si>
    <t>平塚市紅谷町9-1-302</t>
  </si>
  <si>
    <t>金山　二郎</t>
  </si>
  <si>
    <t>高根台病院</t>
  </si>
  <si>
    <t>平塚市高根191</t>
  </si>
  <si>
    <t>吉井　文均</t>
  </si>
  <si>
    <t>平塚市高根2-7-1</t>
  </si>
  <si>
    <t>田邉　享史</t>
  </si>
  <si>
    <t>久保田　聡</t>
  </si>
  <si>
    <t>久保田整形外科医院</t>
  </si>
  <si>
    <t>平塚市山下3-17-11</t>
  </si>
  <si>
    <t>久保田　亘</t>
  </si>
  <si>
    <t>林　美保</t>
  </si>
  <si>
    <t>湘南いなほクリニック</t>
  </si>
  <si>
    <t>平塚市四之宮1-3-57</t>
  </si>
  <si>
    <t>深井　浩介</t>
  </si>
  <si>
    <t>ひらつか在宅クリニック</t>
  </si>
  <si>
    <t>平塚市四之宮2-4-3　天神ビル1F</t>
  </si>
  <si>
    <t>花岡　毅</t>
  </si>
  <si>
    <t>ここはなクリニック</t>
  </si>
  <si>
    <t>平塚市四之宮4-1-16　スカイグランデ102</t>
  </si>
  <si>
    <t>内門　大丈</t>
  </si>
  <si>
    <t>メモリーケアクリニック湘南</t>
  </si>
  <si>
    <t>平塚市四之宮5-20-4</t>
  </si>
  <si>
    <t>内科、老年内科、老年精神科</t>
  </si>
  <si>
    <t>内門　美穂子</t>
  </si>
  <si>
    <t>杉崎　勝好</t>
  </si>
  <si>
    <t>平塚十全病院</t>
  </si>
  <si>
    <t>平塚市出縄550</t>
  </si>
  <si>
    <t>鈴木　周雄</t>
  </si>
  <si>
    <t>鈴木　達郎</t>
  </si>
  <si>
    <t>高木　誠二</t>
  </si>
  <si>
    <t>松風たかぎ眼科</t>
  </si>
  <si>
    <t>平塚市松風町18-33</t>
  </si>
  <si>
    <t>瀬戸　雄一</t>
  </si>
  <si>
    <t>瀬戸医院</t>
  </si>
  <si>
    <t>平塚市松風町21-32</t>
  </si>
  <si>
    <t>内科、胃腸科、放射線科、消化器内科</t>
  </si>
  <si>
    <t>中丸　真志</t>
  </si>
  <si>
    <t>湘南真田クリニック</t>
  </si>
  <si>
    <t>平塚市真田2-6-27</t>
  </si>
  <si>
    <t>内科、小児科、循環器内科</t>
  </si>
  <si>
    <t>齊藤　仁通</t>
  </si>
  <si>
    <t>内科、糖尿病内科</t>
  </si>
  <si>
    <t>川端　紀穂</t>
  </si>
  <si>
    <t>かもめ眼科クリニック</t>
  </si>
  <si>
    <t>平塚市真田3-2-11　2F</t>
  </si>
  <si>
    <t>宮田　篤志</t>
  </si>
  <si>
    <t>ふれあい平塚ホスピタル</t>
  </si>
  <si>
    <t>平塚市袖ヶ浜1-12</t>
  </si>
  <si>
    <t>大槻　菊男</t>
  </si>
  <si>
    <t>兼坂　茂</t>
  </si>
  <si>
    <t>平塚市袖ケ浜1-12</t>
  </si>
  <si>
    <t>循環器科、総合診療科</t>
  </si>
  <si>
    <t>篠永　正道</t>
  </si>
  <si>
    <t>菅谷　睦</t>
  </si>
  <si>
    <t>谷保　直仁</t>
  </si>
  <si>
    <t>循環器科</t>
  </si>
  <si>
    <t>渡辺　偉二</t>
  </si>
  <si>
    <t>角田　隆俊</t>
  </si>
  <si>
    <t>望星平塚クリニック</t>
  </si>
  <si>
    <t>平塚市代官町23-1</t>
  </si>
  <si>
    <t>内科、腎臓内科</t>
  </si>
  <si>
    <t>高山　聡</t>
  </si>
  <si>
    <t>高清水　眞二</t>
  </si>
  <si>
    <t>須賀　孝夫</t>
  </si>
  <si>
    <t>武尾　宏伸</t>
  </si>
  <si>
    <t>たけお眼科医院</t>
  </si>
  <si>
    <t>平塚市代官町4-14</t>
  </si>
  <si>
    <t>和田　紗矢香</t>
  </si>
  <si>
    <t>湘南大神内科透析クリニック</t>
  </si>
  <si>
    <t>平塚市大神5-30-6</t>
  </si>
  <si>
    <t>内科、透析内科</t>
  </si>
  <si>
    <t>髙山　秀明</t>
  </si>
  <si>
    <t>髙山医院</t>
  </si>
  <si>
    <t>平塚市達上ケ丘4-70</t>
  </si>
  <si>
    <t>上野　善則</t>
  </si>
  <si>
    <t>昭和クリニック</t>
  </si>
  <si>
    <t>平塚市中原1-20-11　2F</t>
  </si>
  <si>
    <t>森屋　秀樹</t>
  </si>
  <si>
    <t>みずきクリニック</t>
  </si>
  <si>
    <t>平塚市中原2-15-2</t>
  </si>
  <si>
    <t>内視鏡内科</t>
  </si>
  <si>
    <t>井上　幸久</t>
  </si>
  <si>
    <t>平塚共済病院</t>
  </si>
  <si>
    <t>平塚市追分9-11</t>
  </si>
  <si>
    <t>宇田川　幸一</t>
  </si>
  <si>
    <t>羽鳥　慎祐</t>
  </si>
  <si>
    <t>横山　高玲</t>
  </si>
  <si>
    <t>角 友理恵</t>
  </si>
  <si>
    <t>岩田　潤一</t>
  </si>
  <si>
    <t>菊地　秀彦</t>
  </si>
  <si>
    <t>宮島　敬介</t>
  </si>
  <si>
    <t>宮﨑　貴規</t>
  </si>
  <si>
    <t>金丸　綾佳</t>
  </si>
  <si>
    <t>耳鼻咽喉科</t>
  </si>
  <si>
    <t>原　哲</t>
  </si>
  <si>
    <t>荒木　恵子</t>
  </si>
  <si>
    <t>佐原　輝</t>
  </si>
  <si>
    <t>坂野　裕昭</t>
  </si>
  <si>
    <t>山下　将平</t>
  </si>
  <si>
    <t>山下　卓也</t>
  </si>
  <si>
    <t>山崎　啓一</t>
  </si>
  <si>
    <t>山仲　一輝</t>
  </si>
  <si>
    <t>山本　実央</t>
  </si>
  <si>
    <t>勝村　哲</t>
  </si>
  <si>
    <t>小林　一士</t>
  </si>
  <si>
    <t>松原　修</t>
  </si>
  <si>
    <t>病理診断科</t>
  </si>
  <si>
    <t>松本　悠</t>
  </si>
  <si>
    <t>神　靖人</t>
  </si>
  <si>
    <t>瀬﨑　晃一郎</t>
  </si>
  <si>
    <t>西山　竜</t>
  </si>
  <si>
    <t>西田　秀範</t>
  </si>
  <si>
    <t>増田　謙治</t>
  </si>
  <si>
    <t>大西　祐子</t>
  </si>
  <si>
    <t>谷　和行</t>
  </si>
  <si>
    <t>池下　佳秀</t>
  </si>
  <si>
    <t>渡邊　美佳</t>
  </si>
  <si>
    <t>島田　裕之</t>
  </si>
  <si>
    <t>桃尾　隆之</t>
  </si>
  <si>
    <t>内田　諭</t>
  </si>
  <si>
    <t>糖尿病内分泌代謝内科</t>
  </si>
  <si>
    <t>萩原　真斗</t>
  </si>
  <si>
    <t>武川　吉和</t>
  </si>
  <si>
    <t>心身医療科</t>
  </si>
  <si>
    <t>武内　弘明</t>
  </si>
  <si>
    <t>平井　俊行</t>
  </si>
  <si>
    <t>北川　有希子</t>
  </si>
  <si>
    <t>野登　誠</t>
  </si>
  <si>
    <t>鈴木　聡</t>
  </si>
  <si>
    <t>鈴木　智親</t>
  </si>
  <si>
    <t>澤井　瑞貴</t>
  </si>
  <si>
    <t>濱名　俊也</t>
  </si>
  <si>
    <t>膠原病内科</t>
  </si>
  <si>
    <t>髙橋　政夫</t>
  </si>
  <si>
    <t>遠藤　詩郎</t>
  </si>
  <si>
    <t>富士見台病院</t>
  </si>
  <si>
    <t>平塚市土屋1645</t>
  </si>
  <si>
    <t>精神科、神経科</t>
  </si>
  <si>
    <t>佐藤　陽</t>
  </si>
  <si>
    <t>えいじんクリニック</t>
  </si>
  <si>
    <t>平塚市東真土4-5-25</t>
  </si>
  <si>
    <t>梶原　幹生</t>
  </si>
  <si>
    <t>梶原医院</t>
  </si>
  <si>
    <t>平塚市東中原1-19-18</t>
  </si>
  <si>
    <t>梶原　光令</t>
  </si>
  <si>
    <t>三朝　博仁</t>
  </si>
  <si>
    <t>くすのき在宅診療所</t>
  </si>
  <si>
    <t>平塚市徳延131-1　カドヤビル202</t>
  </si>
  <si>
    <t>早乙女　加奈子</t>
  </si>
  <si>
    <t>平塚市徳延131-1　カドヤビル2F</t>
  </si>
  <si>
    <t>内科、緩和ケア、老年精神科</t>
  </si>
  <si>
    <t>中井 俊一</t>
  </si>
  <si>
    <t>神経内科、緩和ケア内科、老年精神科</t>
  </si>
  <si>
    <t>二瓶　英人</t>
  </si>
  <si>
    <t>二瓶内科・胃腸内科医院</t>
  </si>
  <si>
    <t>平塚市徳延175-2</t>
  </si>
  <si>
    <t>内田　泰至</t>
  </si>
  <si>
    <t>内田クリニック</t>
  </si>
  <si>
    <t>平塚市徳延306-38</t>
  </si>
  <si>
    <t>齋藤　聖磨</t>
  </si>
  <si>
    <t>クリニック斎藤</t>
  </si>
  <si>
    <t>平塚市徳延572-1</t>
  </si>
  <si>
    <t>金井　隆一</t>
  </si>
  <si>
    <t>平塚市民病院</t>
  </si>
  <si>
    <t>平塚市南原1ｰ19ｰ1</t>
  </si>
  <si>
    <t>宮北　英司</t>
  </si>
  <si>
    <t>望星平塚第2クリニック</t>
  </si>
  <si>
    <t>平塚市南原1-18-21</t>
  </si>
  <si>
    <t>加藤　創太</t>
  </si>
  <si>
    <t>平塚市南原1-19-1</t>
  </si>
  <si>
    <t>笠原　啓史</t>
  </si>
  <si>
    <t>岩瀬　麻衣</t>
  </si>
  <si>
    <t>菊池 崇之</t>
  </si>
  <si>
    <t>栗原　佑一</t>
  </si>
  <si>
    <t>高木　俊介</t>
  </si>
  <si>
    <t>高野　公徳</t>
  </si>
  <si>
    <t>黒島　義明</t>
  </si>
  <si>
    <t>三浦　光太郎</t>
  </si>
  <si>
    <t>斯波　忠彦</t>
  </si>
  <si>
    <t>秋好　由美</t>
  </si>
  <si>
    <t>森川　淳</t>
  </si>
  <si>
    <t>耳鼻いんこう科、頭頚部外科</t>
  </si>
  <si>
    <t>杉木　正</t>
  </si>
  <si>
    <t>大石　裕美子</t>
  </si>
  <si>
    <t>谷口　礼央</t>
  </si>
  <si>
    <t>中村　明義</t>
  </si>
  <si>
    <t>堤　百合</t>
  </si>
  <si>
    <t>田川　朝子</t>
  </si>
  <si>
    <t>田中　史枝</t>
  </si>
  <si>
    <t>白石　亮</t>
  </si>
  <si>
    <t>福島　直哉</t>
  </si>
  <si>
    <t>福武　滋</t>
  </si>
  <si>
    <t>平野　泰大</t>
  </si>
  <si>
    <t>片山　順平</t>
  </si>
  <si>
    <t>片山　隆晴</t>
  </si>
  <si>
    <t>木花　いづみ</t>
  </si>
  <si>
    <t>野口　勝</t>
  </si>
  <si>
    <t>野田　晃成</t>
  </si>
  <si>
    <t>澤田　康弘</t>
  </si>
  <si>
    <t>髙橋　史成</t>
  </si>
  <si>
    <t>古谷　陽一</t>
  </si>
  <si>
    <t>平塚市民病院</t>
  </si>
  <si>
    <t>小堀　有未来</t>
  </si>
  <si>
    <t>植谷　忠通</t>
  </si>
  <si>
    <t>加藤　忍</t>
  </si>
  <si>
    <t>かとう腎・泌尿器科クリニック</t>
  </si>
  <si>
    <t>平塚市南原2-1-2</t>
  </si>
  <si>
    <t>仁科　良</t>
  </si>
  <si>
    <t>湘英クリニック平塚医院</t>
  </si>
  <si>
    <t>平塚市南豊田314-1</t>
  </si>
  <si>
    <t>森田　大</t>
  </si>
  <si>
    <t>もりた眼科クリニック</t>
  </si>
  <si>
    <t>平塚市入野147-5</t>
  </si>
  <si>
    <t>瀬分　盛央</t>
  </si>
  <si>
    <t>湘南こころと睡眠クリニック</t>
  </si>
  <si>
    <t>平塚市馬入本町12-17　エクセレント湘南シーサイド　1F</t>
  </si>
  <si>
    <t>心療内科、精神科</t>
  </si>
  <si>
    <t>木花　光</t>
  </si>
  <si>
    <t>かものはし皮フ科</t>
  </si>
  <si>
    <t>平塚市八重咲町13-1</t>
  </si>
  <si>
    <t>綾部　真一</t>
  </si>
  <si>
    <t>あやべ整形外科</t>
  </si>
  <si>
    <t>平塚市八重咲町19-23　ココス八重咲1F</t>
  </si>
  <si>
    <t>整形外科、リハビリテーション科</t>
  </si>
  <si>
    <t>岡本　祐一</t>
  </si>
  <si>
    <t>湘南かもめクリニック</t>
  </si>
  <si>
    <t>平塚市八千代町1-21　コム湘南１Ｆ</t>
  </si>
  <si>
    <t>陳　暢宏</t>
  </si>
  <si>
    <t>アグリホームクリニック　ひらつか</t>
  </si>
  <si>
    <t>平塚市平塚4-32-12　服部ビル2F</t>
  </si>
  <si>
    <t>柴　徳生</t>
  </si>
  <si>
    <t>しばキッズクリニック</t>
  </si>
  <si>
    <t>平塚市平塚5-9-18</t>
  </si>
  <si>
    <t>嶋田　摂也</t>
  </si>
  <si>
    <t>平塚しまだ眼科</t>
  </si>
  <si>
    <t>平塚市宝町1-1　ラスカ平塚4F</t>
  </si>
  <si>
    <t>綾部　原子</t>
  </si>
  <si>
    <t>平塚駅前　あやべ皮膚科</t>
  </si>
  <si>
    <t>平塚市宝町1-1　神奈中宝町ビル6F</t>
  </si>
  <si>
    <t>アレルギー科、皮膚科、漢方内科、小児皮膚科、美容皮膚科</t>
  </si>
  <si>
    <t>相川　実</t>
  </si>
  <si>
    <t>ひらつか生活習慣病・透析クリニック</t>
  </si>
  <si>
    <t>平塚市宝町11-14</t>
  </si>
  <si>
    <t>本間　康彦</t>
  </si>
  <si>
    <t>小池　健</t>
  </si>
  <si>
    <t>小池眼科医院</t>
  </si>
  <si>
    <t>平塚市宝町12-15</t>
  </si>
  <si>
    <t>金指　功</t>
  </si>
  <si>
    <t>かなさしクリニック</t>
  </si>
  <si>
    <t>平塚市宝町2ｰ1　ホーメスト平塚共同ビル7F</t>
  </si>
  <si>
    <t>岡村　雅生</t>
  </si>
  <si>
    <t>岡村内科医院</t>
  </si>
  <si>
    <t>平塚市北金目2-36-28</t>
  </si>
  <si>
    <t>湊　聡一郎</t>
  </si>
  <si>
    <t>内科、小児科、皮膚科、糖尿病内科、内分泌内科</t>
  </si>
  <si>
    <t>澤部　吉春</t>
  </si>
  <si>
    <t>ホリィマームクリニック平塚</t>
  </si>
  <si>
    <t>平塚市明石町10-3　第一住建ビル7F</t>
  </si>
  <si>
    <t>小島　昭雄</t>
  </si>
  <si>
    <t>こじま脳神経外科クリニック</t>
  </si>
  <si>
    <t>平塚市明石町1-23 平塚明石ビル 4F</t>
  </si>
  <si>
    <t>本田　淳</t>
  </si>
  <si>
    <t>ほんだ整形外科クリニック</t>
  </si>
  <si>
    <t>平塚市明石町1-23 平塚明石ビル1・2F</t>
  </si>
  <si>
    <t>満川　忠宏</t>
  </si>
  <si>
    <t>満川眼科医院</t>
  </si>
  <si>
    <t>平塚市明石町23-11</t>
  </si>
  <si>
    <t>山本　篤志</t>
  </si>
  <si>
    <t>山本眼科医院</t>
  </si>
  <si>
    <t>平塚市立野町40-10</t>
  </si>
  <si>
    <t>橋村　雄城</t>
  </si>
  <si>
    <t>はしむら内科クリニック</t>
  </si>
  <si>
    <t>平塚市立野町40-10　YAMAメディカルパーク1F</t>
  </si>
  <si>
    <t>福田　真</t>
  </si>
  <si>
    <t>アカラクリニック</t>
  </si>
  <si>
    <t>鎌倉市</t>
  </si>
  <si>
    <t>鎌倉市岡本1343-5</t>
  </si>
  <si>
    <t>伊木　勇輔</t>
  </si>
  <si>
    <t>湘南鎌倉総合病院</t>
  </si>
  <si>
    <t>鎌倉市岡本1370-1</t>
  </si>
  <si>
    <t>井上　裕美</t>
  </si>
  <si>
    <t>岡　真知子</t>
  </si>
  <si>
    <t>下山　ライ</t>
  </si>
  <si>
    <t>賀古　眞</t>
  </si>
  <si>
    <t>角谷　拓哉</t>
  </si>
  <si>
    <t>呼吸器内科、リウマチ膠原病内科</t>
  </si>
  <si>
    <t>角田　駿</t>
  </si>
  <si>
    <t>鎌田　渉</t>
  </si>
  <si>
    <t>鎌田　理子</t>
  </si>
  <si>
    <t>宮﨑　雄一</t>
  </si>
  <si>
    <t>脳卒中診療科</t>
  </si>
  <si>
    <t>魚嶋　晴紀</t>
  </si>
  <si>
    <t>隅田　ちひろ</t>
  </si>
  <si>
    <t>窪田　純</t>
  </si>
  <si>
    <t>今井　智之</t>
  </si>
  <si>
    <t>佐々木　亜希子</t>
  </si>
  <si>
    <t>佐藤　淑</t>
  </si>
  <si>
    <t>山中　太</t>
  </si>
  <si>
    <t>山本　大介</t>
  </si>
  <si>
    <t>山野　水紀</t>
  </si>
  <si>
    <t>市田　親正</t>
  </si>
  <si>
    <t>寺島　智也</t>
  </si>
  <si>
    <t>持田　泰寛</t>
  </si>
  <si>
    <t>宍戸　晃基</t>
  </si>
  <si>
    <t>柴　慎太郎</t>
  </si>
  <si>
    <t>放射線腫瘍科</t>
  </si>
  <si>
    <t>若杉　理美</t>
  </si>
  <si>
    <t>糖尿病内分泌内科</t>
  </si>
  <si>
    <t>小泉　一也</t>
  </si>
  <si>
    <t>小林　修三</t>
  </si>
  <si>
    <t>小林　正宏</t>
  </si>
  <si>
    <t>松浦　賢太郎</t>
  </si>
  <si>
    <t>上田　百蔵</t>
  </si>
  <si>
    <t>深井　隆太</t>
  </si>
  <si>
    <t>真栄里　恭子</t>
  </si>
  <si>
    <t>水堂　祐広</t>
  </si>
  <si>
    <t>瀬戸　雅美</t>
  </si>
  <si>
    <t>総合内科</t>
  </si>
  <si>
    <t>西口　翔</t>
  </si>
  <si>
    <t>西野　敬祥</t>
  </si>
  <si>
    <t>川井　実</t>
  </si>
  <si>
    <t>川田　純也</t>
  </si>
  <si>
    <t>増田　作栄</t>
  </si>
  <si>
    <t>村上　正人</t>
  </si>
  <si>
    <t>大岡　愛子</t>
  </si>
  <si>
    <t>蛸井　浩行</t>
  </si>
  <si>
    <t>長山　未来</t>
  </si>
  <si>
    <t>長塚　大毅</t>
  </si>
  <si>
    <t>栂野　富輝</t>
  </si>
  <si>
    <t>田川　不知夫</t>
  </si>
  <si>
    <t>田中　公美</t>
  </si>
  <si>
    <t>田中　江里</t>
  </si>
  <si>
    <t>血液内科、総合内科</t>
  </si>
  <si>
    <t>田中　穣</t>
  </si>
  <si>
    <t>田中　麻美</t>
  </si>
  <si>
    <t>渡井　健太郎</t>
  </si>
  <si>
    <t>渡辺　剛史</t>
  </si>
  <si>
    <t>日髙　寿美</t>
  </si>
  <si>
    <t>入交　純也</t>
  </si>
  <si>
    <t>飯島　千津子</t>
  </si>
  <si>
    <t>福井　朋也</t>
  </si>
  <si>
    <t>福田　貴則</t>
  </si>
  <si>
    <t>堀田　和子</t>
  </si>
  <si>
    <t>木村　かれん</t>
  </si>
  <si>
    <t>野間　聖</t>
  </si>
  <si>
    <t>眞一　まこも</t>
  </si>
  <si>
    <t>齋藤　滋</t>
  </si>
  <si>
    <t>小尾　龍右</t>
  </si>
  <si>
    <t>おび内科・漢方クリニック</t>
  </si>
  <si>
    <t>鎌倉市岡本2-1-10　プロシードビル1F</t>
  </si>
  <si>
    <t>高橋　正典</t>
  </si>
  <si>
    <t>大船　睡眠・糖尿病内科</t>
  </si>
  <si>
    <t>鎌倉市岡本2-1-10　プロシードビル201</t>
  </si>
  <si>
    <t>糖尿病内科、循環器内科</t>
  </si>
  <si>
    <t>福田　匠</t>
  </si>
  <si>
    <t>福田眼科</t>
  </si>
  <si>
    <t>鎌倉市岡本2-1-10　プロシードビル2F</t>
  </si>
  <si>
    <t>倉岡　隆</t>
  </si>
  <si>
    <t>倉岡胃腸科内科</t>
  </si>
  <si>
    <t>鎌倉市岡本2-6-39</t>
  </si>
  <si>
    <t>内科、消化器内科、循環器内科、呼吸器内科</t>
  </si>
  <si>
    <t>阿部　祐吉</t>
  </si>
  <si>
    <t>阿部整形外科クリニック</t>
  </si>
  <si>
    <t>鎌倉市梶原2-25-2</t>
  </si>
  <si>
    <t>阿部　祐介</t>
  </si>
  <si>
    <t>阿部脳神経外科</t>
  </si>
  <si>
    <t>重藤　真理子</t>
  </si>
  <si>
    <t>まり眼科</t>
  </si>
  <si>
    <t>鎌倉市鎌倉山1-11-18</t>
  </si>
  <si>
    <t>鈴木　雄壱</t>
  </si>
  <si>
    <t>メンタルホスピタルかまくら山</t>
  </si>
  <si>
    <t>鎌倉市鎌倉山1-23-1</t>
  </si>
  <si>
    <t>内科、精神科</t>
  </si>
  <si>
    <t>佐久間　康徳</t>
  </si>
  <si>
    <t>かがみ在宅クリニック</t>
  </si>
  <si>
    <t>鎌倉市玉縄1-11-5</t>
  </si>
  <si>
    <t>坂根　さやか</t>
  </si>
  <si>
    <t>山下　ゆき子</t>
  </si>
  <si>
    <t>内科、耳鼻いんこう科、頭頸部外科</t>
  </si>
  <si>
    <t>春山　直子</t>
  </si>
  <si>
    <t>千葉　欣大</t>
  </si>
  <si>
    <t>三谷　勇雄</t>
  </si>
  <si>
    <t>あいクリニック</t>
  </si>
  <si>
    <t>鎌倉市玉縄1-1-5-106</t>
  </si>
  <si>
    <t>安井　利夫</t>
  </si>
  <si>
    <t>鎌倉脳神経MRIクリニック</t>
  </si>
  <si>
    <t>鎌倉市御成町1-12　江ノ電鎌倉ビル3F</t>
  </si>
  <si>
    <t>根本　哲宏</t>
  </si>
  <si>
    <t>松岡　俊一</t>
  </si>
  <si>
    <t>井口内科医院</t>
  </si>
  <si>
    <t>鎌倉市御成町6-9</t>
  </si>
  <si>
    <t>肝臓内科、消化器内科</t>
  </si>
  <si>
    <t>下沢　寛</t>
  </si>
  <si>
    <t>ふれあい鎌倉ホスピタル</t>
  </si>
  <si>
    <t>鎌倉市御成町9-5</t>
  </si>
  <si>
    <t>山川　満</t>
  </si>
  <si>
    <t>小山　高敏</t>
  </si>
  <si>
    <t>小出　隆司</t>
  </si>
  <si>
    <t>小島　淳一</t>
  </si>
  <si>
    <t>外科、消化器外科</t>
  </si>
  <si>
    <t>諏訪　志穂子</t>
  </si>
  <si>
    <t>峰野　元明</t>
  </si>
  <si>
    <t>河村　攻</t>
  </si>
  <si>
    <t>鈴木病院</t>
  </si>
  <si>
    <t>鎌倉市腰越1-1-1</t>
  </si>
  <si>
    <t>清水　弘之</t>
  </si>
  <si>
    <t>鈴木　まゆみ</t>
  </si>
  <si>
    <t>鈴木　信吾</t>
  </si>
  <si>
    <t>金森　裕一</t>
  </si>
  <si>
    <t>鎌倉リハビリテーション聖テレジア病院</t>
  </si>
  <si>
    <t>鎌倉市腰越1-2-1</t>
  </si>
  <si>
    <t>系　重毅</t>
  </si>
  <si>
    <t>根本　明宜</t>
  </si>
  <si>
    <t>小野　紀久子</t>
  </si>
  <si>
    <t>田中　啓太</t>
  </si>
  <si>
    <t>飯野　光治</t>
  </si>
  <si>
    <t>國香　尚也</t>
  </si>
  <si>
    <t>布川　香織</t>
  </si>
  <si>
    <t>鎌倉療育医療センター小さき花の園</t>
  </si>
  <si>
    <t>大津　真優</t>
  </si>
  <si>
    <t>小さき花の園</t>
  </si>
  <si>
    <t>小児神経科</t>
  </si>
  <si>
    <t>古谷　晴子</t>
  </si>
  <si>
    <t>鎌倉ヒロ病院</t>
  </si>
  <si>
    <t>鎌倉市材木座1-7-22</t>
  </si>
  <si>
    <t>室本　正郁</t>
  </si>
  <si>
    <t>小山　純司</t>
  </si>
  <si>
    <t>辻　知英</t>
  </si>
  <si>
    <t>齋田　康之</t>
  </si>
  <si>
    <t>西尾　佳晃</t>
  </si>
  <si>
    <t>北鎌倉眼科</t>
  </si>
  <si>
    <t>鎌倉市山ノ内1337-5 山ノ内ビル　Ⅰ-A</t>
  </si>
  <si>
    <t>玉井　洋太郎</t>
  </si>
  <si>
    <t>たまい内科クリニック</t>
  </si>
  <si>
    <t>鎌倉市山崎1085-5</t>
  </si>
  <si>
    <t>吉澤　和希</t>
  </si>
  <si>
    <t>湘南かまくらクリニック</t>
  </si>
  <si>
    <t>鎌倉市山崎1202-1</t>
  </si>
  <si>
    <t>湯浅　章平</t>
  </si>
  <si>
    <t>章平クリニック</t>
  </si>
  <si>
    <t>鎌倉市七里ヶ浜東3-4-20</t>
  </si>
  <si>
    <t>藤堂　貴彦</t>
  </si>
  <si>
    <t>泉水橋とうどうクリニック</t>
  </si>
  <si>
    <t>鎌倉市十二所6-1-2Ｆ</t>
  </si>
  <si>
    <t>田丸　典秀</t>
  </si>
  <si>
    <t>たまるクリニック</t>
  </si>
  <si>
    <t>鎌倉市小袋谷1-2-2　湘英ビル1Ｆ</t>
  </si>
  <si>
    <t>立山　礼子</t>
  </si>
  <si>
    <t>立山医院</t>
  </si>
  <si>
    <t>鎌倉市小袋谷1-7-27　星ビル1Ｆ</t>
  </si>
  <si>
    <t>髙井　久仁庸</t>
  </si>
  <si>
    <t>湘南高井内科</t>
  </si>
  <si>
    <t>鎌倉市小袋谷1-9-18　高井医療ビル2F</t>
  </si>
  <si>
    <t>蔵並　貴子</t>
  </si>
  <si>
    <t>蔵並眼科医院</t>
  </si>
  <si>
    <t>鎌倉市小町1-12-5</t>
  </si>
  <si>
    <t>後藤　英樹</t>
  </si>
  <si>
    <t>後藤眼科医院</t>
  </si>
  <si>
    <t>鎌倉市小町1-4-12 松林堂ビル5F</t>
  </si>
  <si>
    <t>芋川　英紀</t>
  </si>
  <si>
    <t>芋川耳鼻咽喉科クリニック</t>
  </si>
  <si>
    <t>鎌倉市小町2-10-1　3F</t>
  </si>
  <si>
    <t>井上　馨</t>
  </si>
  <si>
    <t>清川病院</t>
  </si>
  <si>
    <t>鎌倉市小町2-13-7</t>
  </si>
  <si>
    <t>小林　敦</t>
  </si>
  <si>
    <t>風間　英一</t>
  </si>
  <si>
    <t>福嶋　健一</t>
  </si>
  <si>
    <t>齊藤　哲彦</t>
  </si>
  <si>
    <t>道躰　幸二朗</t>
  </si>
  <si>
    <t>鎌倉逗子胃腸肛門内視鏡クリニック</t>
  </si>
  <si>
    <t>鎌倉市小町2-14-10　鎌倉メディカルサプライビル2・3F</t>
  </si>
  <si>
    <t>福永　有希</t>
  </si>
  <si>
    <t>鎌倉かまりんヒフクリニック</t>
  </si>
  <si>
    <t>鎌倉市小町2-15-11</t>
  </si>
  <si>
    <t>加藤　依子</t>
  </si>
  <si>
    <t>かまくら脳神経外科</t>
  </si>
  <si>
    <t>鎌倉市城廻48-1</t>
  </si>
  <si>
    <t>青野　豪</t>
  </si>
  <si>
    <t>ごうファミリークリニック鎌倉大船</t>
  </si>
  <si>
    <t>内科、心療内科、循環器内科</t>
  </si>
  <si>
    <t>加藤　靖隆</t>
  </si>
  <si>
    <t>柳川クリニック</t>
  </si>
  <si>
    <t>鎌倉市西鎌倉1-18-3</t>
  </si>
  <si>
    <t>柳川　健</t>
  </si>
  <si>
    <t>谷野　富彦</t>
  </si>
  <si>
    <t>西鎌倉谷野眼科</t>
  </si>
  <si>
    <t>鎌倉市西鎌倉1-2-20</t>
  </si>
  <si>
    <t>加茂　理英</t>
  </si>
  <si>
    <t>かも皮ふ科</t>
  </si>
  <si>
    <t>鎌倉市雪ノ下1-16-25</t>
  </si>
  <si>
    <t>皮膚科、小児皮膚科、アレルギー科</t>
  </si>
  <si>
    <t>酒井　太郎</t>
  </si>
  <si>
    <t>さかい内科・胃腸科クリニック</t>
  </si>
  <si>
    <t>鎌倉市雪ノ下3-1-32</t>
  </si>
  <si>
    <t>伊藤　晋平</t>
  </si>
  <si>
    <t>鎌倉雪ノ下クリニック</t>
  </si>
  <si>
    <t>鎌倉市雪ノ下4-1-8</t>
  </si>
  <si>
    <t>酒井　要</t>
  </si>
  <si>
    <t>鎌倉アーバンクリニック</t>
  </si>
  <si>
    <t>鎌倉市扇ガ谷1-1-29　大崎ビル2F</t>
  </si>
  <si>
    <t>谷川　徹也</t>
  </si>
  <si>
    <t>樫原　稔</t>
  </si>
  <si>
    <t>湘南鎌倉人工関節センター</t>
  </si>
  <si>
    <t>鎌倉市台5-4-17</t>
  </si>
  <si>
    <t>熊原　悠生実</t>
  </si>
  <si>
    <t>三原　政彦</t>
  </si>
  <si>
    <t>勝山　陽太</t>
  </si>
  <si>
    <t>小林　大悟</t>
  </si>
  <si>
    <t>平川　和男</t>
  </si>
  <si>
    <t>平野　雅幹</t>
  </si>
  <si>
    <t>髙栁　聡</t>
  </si>
  <si>
    <t>佐藤　隆</t>
  </si>
  <si>
    <t>さとうクリニック</t>
  </si>
  <si>
    <t>鎌倉市台5-8-29</t>
  </si>
  <si>
    <t>飯領田　久巳男</t>
  </si>
  <si>
    <t>いろでん内科・胃腸内科クリニック</t>
  </si>
  <si>
    <t>鎌倉市大船1-11-10　協和ビル2Ｆ</t>
  </si>
  <si>
    <t>内科、胃腸内科</t>
  </si>
  <si>
    <t>白岩　秀隆</t>
  </si>
  <si>
    <t>しらいわ内科・リウマチクリニック</t>
  </si>
  <si>
    <t>鎌倉市大船1-12-11　ミツハマビル201</t>
  </si>
  <si>
    <t>漢那　雅彦</t>
  </si>
  <si>
    <t>あいクリニック仲通</t>
  </si>
  <si>
    <t>鎌倉市大船1-22-28　MMビル1F</t>
  </si>
  <si>
    <t>浅井　逸郎</t>
  </si>
  <si>
    <t>ハートクリニック</t>
  </si>
  <si>
    <t>鎌倉市大船1-22-9　湘南大船ビル４F</t>
  </si>
  <si>
    <t>松村　伸</t>
  </si>
  <si>
    <t>まつむらファミリークリニック</t>
  </si>
  <si>
    <t>鎌倉市大船1-23-31　浜田ビル3F</t>
  </si>
  <si>
    <t>内科、小児科、外科、婦人科</t>
  </si>
  <si>
    <t>飯野　直樹</t>
  </si>
  <si>
    <t>飯野眼科医院</t>
  </si>
  <si>
    <t>鎌倉市大船1-24-19-3F</t>
  </si>
  <si>
    <t>髙井　昌彦</t>
  </si>
  <si>
    <t>高井内科クリニック</t>
  </si>
  <si>
    <t>鎌倉市大船1-26-27　日生ビル1Ｆ</t>
  </si>
  <si>
    <t>井上　克洋</t>
  </si>
  <si>
    <t>大船いのうえ眼科</t>
  </si>
  <si>
    <t>鎌倉市大船1-27-28 STKビル202</t>
  </si>
  <si>
    <t>名取　一彦</t>
  </si>
  <si>
    <t>コンフォート北鎌倉台クリニック</t>
  </si>
  <si>
    <t>鎌倉市大船1-7-5　大船末広神尾ビル5F</t>
  </si>
  <si>
    <t>金原　猛</t>
  </si>
  <si>
    <t>大船内科・消化器内科クリニック</t>
  </si>
  <si>
    <t>鎌倉市大船2-17-2　パルティーダ2F</t>
  </si>
  <si>
    <t>田邉　巌</t>
  </si>
  <si>
    <t>田辺整形外科</t>
  </si>
  <si>
    <t>鎌倉市大船2-18-20　1F・2F</t>
  </si>
  <si>
    <t>仁保　達夫</t>
  </si>
  <si>
    <t>大船耳鼻咽喉科クリニック</t>
  </si>
  <si>
    <t>鎌倉市大船2-18-24　森ビル2F</t>
  </si>
  <si>
    <t>髙田　寛人</t>
  </si>
  <si>
    <t>たかだ脳神経外科クリニック</t>
  </si>
  <si>
    <t>鎌倉市大船2-18-32　宮内ビル1Ｆ</t>
  </si>
  <si>
    <t>神経内科、脳神経外科</t>
  </si>
  <si>
    <t>佐野　尚子</t>
  </si>
  <si>
    <t>大船田園眼科</t>
  </si>
  <si>
    <t>鎌倉市大船2-18-36</t>
  </si>
  <si>
    <t>佐野　雄太</t>
  </si>
  <si>
    <t>侯　建全</t>
  </si>
  <si>
    <t>大船笠間皮膚科医院</t>
  </si>
  <si>
    <t>鎌倉市大船2-18-9</t>
  </si>
  <si>
    <t>長谷川　太郎</t>
  </si>
  <si>
    <t>湘南おおふなクリニック</t>
  </si>
  <si>
    <t>鎌倉市大船2-25-2　セルアージュ鎌倉大船</t>
  </si>
  <si>
    <t>井出　広幸</t>
  </si>
  <si>
    <t>信愛クリニック</t>
  </si>
  <si>
    <t>鎌倉市大船2-26-10</t>
  </si>
  <si>
    <t>十倉　満</t>
  </si>
  <si>
    <t>内科、心療内科</t>
  </si>
  <si>
    <t>今福　俊夫</t>
  </si>
  <si>
    <t>湘南クリニック</t>
  </si>
  <si>
    <t>鎌倉市大船2-6-14</t>
  </si>
  <si>
    <t>人工透析内科</t>
  </si>
  <si>
    <t>小林　一成</t>
  </si>
  <si>
    <t>小林クリニック</t>
  </si>
  <si>
    <t>鎌倉市大船3-1-3　セイショウナン7Ｆ</t>
  </si>
  <si>
    <t>精神科、神経内科</t>
  </si>
  <si>
    <t>塩之入　洋</t>
  </si>
  <si>
    <t>しおのいり内科</t>
  </si>
  <si>
    <t>鎌倉市大船3-1-3　セイショウナンビル4F</t>
  </si>
  <si>
    <t>山口　泰</t>
  </si>
  <si>
    <t>山口内科</t>
  </si>
  <si>
    <t>鎌倉市大船3-1-7　レガート大船201</t>
  </si>
  <si>
    <t>内科、呼吸器科、消化器科、循環器科</t>
  </si>
  <si>
    <t>髙橋　明宏</t>
  </si>
  <si>
    <t>高橋眼科</t>
  </si>
  <si>
    <t>鎌倉市大船3-2-11　大船メディカルビル202</t>
  </si>
  <si>
    <t>前田　修子</t>
  </si>
  <si>
    <t>大船まえだ皮膚科</t>
  </si>
  <si>
    <t>鎌倉市大船4-17-17　メディカルプラザ鎌倉大船</t>
  </si>
  <si>
    <t>若杉　春枝</t>
  </si>
  <si>
    <t>若杉内科クリニック</t>
  </si>
  <si>
    <t>鎌倉市大船6-1-1　松竹ショッピングセンター2Ｆ</t>
  </si>
  <si>
    <t>内科、リウマチ科、腎臓内科</t>
  </si>
  <si>
    <t>皆川　冬樹</t>
  </si>
  <si>
    <t>鎌倉市大船6-1-1松竹ショッピングセンターB棟2F</t>
  </si>
  <si>
    <t>内科、腎臓内科、内分泌内科、糖尿病内科、リウマチ内科</t>
  </si>
  <si>
    <t>榎本　達治</t>
  </si>
  <si>
    <t>大船中央病院</t>
  </si>
  <si>
    <t>鎌倉市大船6-2-24</t>
  </si>
  <si>
    <t>猿田　貴之</t>
  </si>
  <si>
    <t>遠藤　豊</t>
  </si>
  <si>
    <t>葛生　健人</t>
  </si>
  <si>
    <t>消化器科</t>
  </si>
  <si>
    <t>吉田　篤史</t>
  </si>
  <si>
    <t>金澤　明彦</t>
  </si>
  <si>
    <t>江藤　宏光</t>
  </si>
  <si>
    <t>高室　暁</t>
  </si>
  <si>
    <t>山中　弘行</t>
  </si>
  <si>
    <t>小山　雅章</t>
  </si>
  <si>
    <t>松下　知彦</t>
  </si>
  <si>
    <t>森實　敏夫</t>
  </si>
  <si>
    <t>須藤　博</t>
  </si>
  <si>
    <t>水谷　知美</t>
  </si>
  <si>
    <t>瀬上　瑛子</t>
  </si>
  <si>
    <t>浅井　聡司</t>
  </si>
  <si>
    <t>増田　誠</t>
  </si>
  <si>
    <t>中村　麻里</t>
  </si>
  <si>
    <t>長谷部　正之</t>
  </si>
  <si>
    <t>渡邉　智也</t>
  </si>
  <si>
    <t>白井　真如紀</t>
  </si>
  <si>
    <t>樋渡　英二</t>
  </si>
  <si>
    <t>有明　千鶴</t>
  </si>
  <si>
    <t>漆原　信夫</t>
  </si>
  <si>
    <t>額田記念病院</t>
  </si>
  <si>
    <t>鎌倉市大町4-6-6</t>
  </si>
  <si>
    <t>谷本　浩之</t>
  </si>
  <si>
    <t>三松　興道</t>
  </si>
  <si>
    <t>鎌倉病院</t>
  </si>
  <si>
    <t>鎌倉市長谷3-1-8</t>
  </si>
  <si>
    <t>泉　清髙</t>
  </si>
  <si>
    <t>末盛　敦子</t>
  </si>
  <si>
    <t>内科（糖尿病・代謝・内分泌）</t>
  </si>
  <si>
    <t>川島　健</t>
  </si>
  <si>
    <t>川島整形外科</t>
  </si>
  <si>
    <t>鎌倉市津西1-17-44</t>
  </si>
  <si>
    <t>リウマチ科、整形外科、リハビリテーション科、麻酔科</t>
  </si>
  <si>
    <t>佐々木　奈都江</t>
  </si>
  <si>
    <t>湘南記念病院</t>
  </si>
  <si>
    <t>鎌倉市笛田2-2-60</t>
  </si>
  <si>
    <t>糖尿病・代謝内科</t>
  </si>
  <si>
    <t>山澤　養志子</t>
  </si>
  <si>
    <t>小川　貴博</t>
  </si>
  <si>
    <t>中村　英美</t>
  </si>
  <si>
    <t>長洲　堯雄</t>
  </si>
  <si>
    <t>津川　周三</t>
  </si>
  <si>
    <t>和田　啓義</t>
  </si>
  <si>
    <t>天野　久仁彦</t>
  </si>
  <si>
    <t>ドクターゴン鎌倉診療所</t>
  </si>
  <si>
    <t>鎌倉市笛田4-25-2  B-1</t>
  </si>
  <si>
    <t>久島　和洋</t>
  </si>
  <si>
    <t>鎌倉市笛田4-25-2　アスクレピオン鎌倉B1</t>
  </si>
  <si>
    <t>今井　一登</t>
  </si>
  <si>
    <t>山田　純也</t>
  </si>
  <si>
    <t>千葉　晴子</t>
  </si>
  <si>
    <t>橋本　隆平</t>
  </si>
  <si>
    <t>橋本クリニック</t>
  </si>
  <si>
    <t>鎌倉市由比ガ浜2-2-40</t>
  </si>
  <si>
    <t>内科、胃腸科、循環器科、整形外科、リハビリテーション科</t>
  </si>
  <si>
    <t>天野　静</t>
  </si>
  <si>
    <t>鎌倉ファミリークリニック</t>
  </si>
  <si>
    <t>鎌倉市由比ガ浜2-6-21</t>
  </si>
  <si>
    <t>橋本　清利</t>
  </si>
  <si>
    <t>由比ガ浜総合診療クリニック</t>
  </si>
  <si>
    <t>鎌倉市由比ガ浜3-1-12</t>
  </si>
  <si>
    <t>陣野　秋子</t>
  </si>
  <si>
    <t>じんの眼科クリニック</t>
  </si>
  <si>
    <t>鎌倉市由比ガ浜3-11-39　福地ビル2Ｆ</t>
  </si>
  <si>
    <t>佐藤 尚栄</t>
  </si>
  <si>
    <t>辻堂おひさま眼科クリニック</t>
  </si>
  <si>
    <t>藤沢市</t>
  </si>
  <si>
    <t>藤沢市羽鳥1-2-2-1F</t>
  </si>
  <si>
    <t>宇都　秀鈴</t>
  </si>
  <si>
    <t>湘南中央病院</t>
  </si>
  <si>
    <t>藤沢市羽鳥1-3-43</t>
  </si>
  <si>
    <t>永渕　成夫</t>
  </si>
  <si>
    <t>奥脇　裕介</t>
  </si>
  <si>
    <t>岡　孝之</t>
  </si>
  <si>
    <t>岡田　雅彦</t>
  </si>
  <si>
    <t>呉　鐡仁</t>
  </si>
  <si>
    <t>今井　重信</t>
  </si>
  <si>
    <t>小川　英幸</t>
  </si>
  <si>
    <t>松﨑　博行</t>
  </si>
  <si>
    <t>秦　康夫</t>
  </si>
  <si>
    <t>村川　徳彦</t>
  </si>
  <si>
    <t>多田　真浩</t>
  </si>
  <si>
    <t>池田　清信</t>
  </si>
  <si>
    <t>田中　洋</t>
  </si>
  <si>
    <t>馬渕　一樹</t>
  </si>
  <si>
    <t>脳神経外科、リハビリテーション科</t>
  </si>
  <si>
    <t>福﨑　幸治</t>
  </si>
  <si>
    <t>呼吸器内科、一般内科</t>
  </si>
  <si>
    <t>望月　孝俊</t>
  </si>
  <si>
    <t>丸山　哲生</t>
  </si>
  <si>
    <t>丸山医院</t>
  </si>
  <si>
    <t>藤沢市羽鳥2-2-26</t>
  </si>
  <si>
    <t>藤田　俊造</t>
  </si>
  <si>
    <t>藤田医院</t>
  </si>
  <si>
    <t>藤沢市羽鳥5-5-10</t>
  </si>
  <si>
    <t>久保田　みゆき</t>
  </si>
  <si>
    <t>湘南慶育病院</t>
  </si>
  <si>
    <t>藤沢市遠藤4360</t>
  </si>
  <si>
    <t>宮﨑　宏道</t>
  </si>
  <si>
    <t>志田　敦男</t>
  </si>
  <si>
    <t>寺山　靖夫</t>
  </si>
  <si>
    <t>松原　隆</t>
  </si>
  <si>
    <t>村瀬　伸哉</t>
  </si>
  <si>
    <t>竹川　幸男</t>
  </si>
  <si>
    <t>消化器内科、糖尿病内科</t>
  </si>
  <si>
    <t>猪股　研太</t>
  </si>
  <si>
    <t>椎橋　元</t>
  </si>
  <si>
    <t>嶋本　伸人</t>
  </si>
  <si>
    <t>畠　憲一</t>
  </si>
  <si>
    <t>北川　泰啓</t>
  </si>
  <si>
    <t>鈴木　則宏</t>
  </si>
  <si>
    <t>柳澤　昇吾</t>
  </si>
  <si>
    <t>柳沢内科小児科医院</t>
  </si>
  <si>
    <t>藤沢市遠藤641-6</t>
  </si>
  <si>
    <t>櫻井　秀樹</t>
  </si>
  <si>
    <t>櫻井胃腸科クリニック</t>
  </si>
  <si>
    <t>藤沢市遠藤863-5</t>
  </si>
  <si>
    <t>消化器科、胃腸科</t>
  </si>
  <si>
    <t>鈴木　誠</t>
  </si>
  <si>
    <t>長後中央医院</t>
  </si>
  <si>
    <t>藤沢市下土棚444-8</t>
  </si>
  <si>
    <t>和田　悟</t>
  </si>
  <si>
    <t>長後駅前眼科</t>
  </si>
  <si>
    <t>藤沢市下土棚467-9山口ビル3Ｆ</t>
  </si>
  <si>
    <t>小澤　加奈子</t>
  </si>
  <si>
    <t>長後こどもクリニック</t>
  </si>
  <si>
    <t>藤沢市下土棚478-5</t>
  </si>
  <si>
    <t>前田　晃延</t>
  </si>
  <si>
    <t>藤沢まえだ内科</t>
  </si>
  <si>
    <t>藤沢市亀井野1-3-12　2F</t>
  </si>
  <si>
    <t>内科、代謝内科、腎臓内科</t>
  </si>
  <si>
    <t>味村　俊郎</t>
  </si>
  <si>
    <t>みむら脳神経外科</t>
  </si>
  <si>
    <t>藤沢市亀井野2-7-1</t>
  </si>
  <si>
    <t>磯田　晋</t>
  </si>
  <si>
    <t>心臓クリニック藤沢六会</t>
  </si>
  <si>
    <t>宮武　寛知</t>
  </si>
  <si>
    <t>ノビシロクリニック藤沢</t>
  </si>
  <si>
    <t>藤沢市亀井野4-5-8　ノビシロハウス亀井野　North棟2A</t>
  </si>
  <si>
    <t>内科、精神科、小児科、皮膚科、緩和ケア内科、児童精神科</t>
  </si>
  <si>
    <t>渡部　寛史</t>
  </si>
  <si>
    <t>藤沢市亀井野4-5-8　ノビシロハウス亀井野North2A</t>
  </si>
  <si>
    <t>内科、小児科、皮膚科、緩和ケア内科</t>
  </si>
  <si>
    <t>太田　浩</t>
  </si>
  <si>
    <t>藤沢市亀井野4-5-8　ノビシロハウス亀井野North棟2A</t>
  </si>
  <si>
    <t>今村　周</t>
  </si>
  <si>
    <t>湘南ごしょみ眼科</t>
  </si>
  <si>
    <t>藤沢市宮原3343-1</t>
  </si>
  <si>
    <t>山口　邦彦</t>
  </si>
  <si>
    <t>山口クリニック</t>
  </si>
  <si>
    <t>藤沢市高倉2332-1</t>
  </si>
  <si>
    <t>磯田　祐士</t>
  </si>
  <si>
    <t>藤沢湘南台病院</t>
  </si>
  <si>
    <t>藤沢市高倉2345</t>
  </si>
  <si>
    <t>加藤　卓也</t>
  </si>
  <si>
    <t>五代　天偉</t>
  </si>
  <si>
    <t>荒木　雄至</t>
  </si>
  <si>
    <t>高橋　大介</t>
  </si>
  <si>
    <t>高村　卓志</t>
  </si>
  <si>
    <t>黒田　元希</t>
  </si>
  <si>
    <t>山本　敦史</t>
  </si>
  <si>
    <t>篠原　禎雄</t>
  </si>
  <si>
    <t>小柳　匡史</t>
  </si>
  <si>
    <t>松田　玲圭</t>
  </si>
  <si>
    <t>深野　史靖</t>
  </si>
  <si>
    <t>杉本　祐一</t>
  </si>
  <si>
    <t>西野　麻美</t>
  </si>
  <si>
    <t>大山　晃二</t>
  </si>
  <si>
    <t>大内　秀紀</t>
  </si>
  <si>
    <t>天野　宏子</t>
  </si>
  <si>
    <t>田村　功</t>
  </si>
  <si>
    <t>福田　潤</t>
  </si>
  <si>
    <t>福島　裕介</t>
  </si>
  <si>
    <t>鈴木　英祐</t>
  </si>
  <si>
    <t>鈴木　紳一郎</t>
  </si>
  <si>
    <t>鈴木　紳祐</t>
  </si>
  <si>
    <t>鈴木　梨奈</t>
  </si>
  <si>
    <t>髙木　由理</t>
  </si>
  <si>
    <t>板橋　健太郎</t>
  </si>
  <si>
    <t>いたばしクリニック</t>
  </si>
  <si>
    <t>藤沢市高倉885-5</t>
  </si>
  <si>
    <t>小児科、放射線科</t>
  </si>
  <si>
    <t>苅谷　卓昭</t>
  </si>
  <si>
    <t>湘南レディースクリニック</t>
  </si>
  <si>
    <t>藤沢市鵠沼花沢町1-12　第5相澤ビル6F</t>
  </si>
  <si>
    <t>産科、婦人科</t>
  </si>
  <si>
    <t>厚見　由紀子</t>
  </si>
  <si>
    <t>さわやか訪問眼科クリニック</t>
  </si>
  <si>
    <t>藤沢市鵠沼花沢町13-4 マリーナヨコハマショウナン702</t>
  </si>
  <si>
    <t>木村　哲也</t>
  </si>
  <si>
    <t>木村眼科医院</t>
  </si>
  <si>
    <t>藤沢市鵠沼海岸1-3-16 3F</t>
  </si>
  <si>
    <t>佐藤　雄一郎</t>
  </si>
  <si>
    <t>鵠沼海岸内科クリニック</t>
  </si>
  <si>
    <t>藤沢市鵠沼海岸2-3-13 2F</t>
  </si>
  <si>
    <t>中澤　有吾</t>
  </si>
  <si>
    <t>くげぬま眼科クリニック</t>
  </si>
  <si>
    <t>藤沢市鵠沼海岸2-3-13　TA湘南鵠沼海岸ビル2F</t>
  </si>
  <si>
    <t>渡邉　順哉</t>
  </si>
  <si>
    <t>イノルト整形外科　藤沢院</t>
  </si>
  <si>
    <t>藤沢市鵠沼橘1-1-1　第2外岡ビル3F</t>
  </si>
  <si>
    <t>別府　加寿子</t>
  </si>
  <si>
    <t>別府医院</t>
  </si>
  <si>
    <t>藤沢市鵠沼橘1-1-1　第２外岡ビル5F</t>
  </si>
  <si>
    <t>佐藤　厚夫</t>
  </si>
  <si>
    <t>たかさか小児科</t>
  </si>
  <si>
    <t>藤沢市鵠沼橘1-1-5　平本藤沢ビル1F</t>
  </si>
  <si>
    <t>小見　理恵子</t>
  </si>
  <si>
    <t>こみ糖尿病内科</t>
  </si>
  <si>
    <t>藤沢市鵠沼橘1-1-7 門倉ビル3 1F B号室</t>
  </si>
  <si>
    <t>水野　伸彦</t>
  </si>
  <si>
    <t>藤沢南口みずの泌尿器科クリニック</t>
  </si>
  <si>
    <t>藤沢市鵠沼橘1-1-7　門倉ビル3 4F</t>
  </si>
  <si>
    <t>作田　和茂</t>
  </si>
  <si>
    <t>さくだ脳神経外科クリニック</t>
  </si>
  <si>
    <t>藤沢市鵠沼橘1-17-11</t>
  </si>
  <si>
    <t>髙林　司</t>
  </si>
  <si>
    <t>たかばやし胃腸科クリニック</t>
  </si>
  <si>
    <t>藤沢市鵠沼橘1-1-8-5Ｆ</t>
  </si>
  <si>
    <t>消化器内科（胃腸内科）</t>
  </si>
  <si>
    <t>金尾　浩幸</t>
  </si>
  <si>
    <t>藤沢・胃腸と大腸の消化器内科　桜が岡内科・内視鏡クリニック</t>
  </si>
  <si>
    <t>藤沢市鵠沼桜が岡1-8-13</t>
  </si>
  <si>
    <t>吉川　沙耶花</t>
  </si>
  <si>
    <t>桜が岡耳鼻咽喉科</t>
  </si>
  <si>
    <t>藤沢市鵠沼桜が岡1-8-5-1</t>
  </si>
  <si>
    <t>アレルギー科、耳鼻いんこう科</t>
  </si>
  <si>
    <t>安達　正則</t>
  </si>
  <si>
    <t>湘南鵠沼内科・リウマチ科安達正則クリニック</t>
  </si>
  <si>
    <t>藤沢市鵠沼桜が岡4-14-3</t>
  </si>
  <si>
    <t>内科、アレルギー科、リウマチ科</t>
  </si>
  <si>
    <t>勝田　眞理子</t>
  </si>
  <si>
    <t>ＣｏＣｏＣｌｉｎｉｃ</t>
  </si>
  <si>
    <t>藤沢市鵠沼松が岡3-2-13</t>
  </si>
  <si>
    <t>アレルギー科、小児科</t>
  </si>
  <si>
    <t>川嶋　乃里子</t>
  </si>
  <si>
    <t>かわしま神経内科ｸﾘﾆｯｸ</t>
  </si>
  <si>
    <t>藤沢市鵠沼松が岡5-13-17</t>
  </si>
  <si>
    <t>仲野　靖司</t>
  </si>
  <si>
    <t>仲野整形外科スポーツ・ウェルネスクリニック</t>
  </si>
  <si>
    <t>藤沢市鵠沼神明5-14-15</t>
  </si>
  <si>
    <t>北澤　哲史</t>
  </si>
  <si>
    <t>ふじさわ北整形外科</t>
  </si>
  <si>
    <t>藤沢市鵠沼神明5-1-5</t>
  </si>
  <si>
    <t>中山　義章</t>
  </si>
  <si>
    <t>中山眼科医院</t>
  </si>
  <si>
    <t>藤沢市鵠沼石上1-2-4</t>
  </si>
  <si>
    <t>宮崎　卓哉</t>
  </si>
  <si>
    <t>湘南斉藤クリニック</t>
  </si>
  <si>
    <t>藤沢市鵠沼石上2-14-9</t>
  </si>
  <si>
    <t>齊藤　信義</t>
  </si>
  <si>
    <t>加納　和代</t>
  </si>
  <si>
    <t>クローバーホスピタル</t>
  </si>
  <si>
    <t>藤沢市鵠沼石上3-3-6</t>
  </si>
  <si>
    <t>篠原　歩</t>
  </si>
  <si>
    <t>石渡　俊次</t>
  </si>
  <si>
    <t>丹野　善博</t>
  </si>
  <si>
    <t>天神　尊範</t>
  </si>
  <si>
    <t>引野　幸司</t>
  </si>
  <si>
    <t>篠原湘南クリニック　クローバーホスピタル</t>
  </si>
  <si>
    <t>腫瘍内科</t>
  </si>
  <si>
    <t>若木　美佐</t>
  </si>
  <si>
    <t>中山　賢司</t>
  </si>
  <si>
    <t>門倉　充代</t>
  </si>
  <si>
    <t>内科、皮膚科</t>
  </si>
  <si>
    <t>鈴木　勇三</t>
  </si>
  <si>
    <t>永尾　征弥</t>
  </si>
  <si>
    <t>ふじさわ脳とからだのクリニック　脳神経外科・内科</t>
  </si>
  <si>
    <t>藤沢市鵠沼東1-2</t>
  </si>
  <si>
    <t>内科、脳神経外科</t>
  </si>
  <si>
    <t>泰井　敏毅</t>
  </si>
  <si>
    <t>湘南整形外科　藤沢肩腰痛・リハビリクリニック</t>
  </si>
  <si>
    <t>小川　賢一</t>
  </si>
  <si>
    <t>くげぬま緩和ケア内科</t>
  </si>
  <si>
    <t>藤沢市鵠沼藤が谷1-9-22</t>
  </si>
  <si>
    <t>麻酔科、緩和ケア内科</t>
  </si>
  <si>
    <t>池上　亮介</t>
  </si>
  <si>
    <t>池上整形外科</t>
  </si>
  <si>
    <t>藤沢市鵠沼藤が谷2-1-21</t>
  </si>
  <si>
    <t>藪中　宗之</t>
  </si>
  <si>
    <t>鵠沼藤が谷内科</t>
  </si>
  <si>
    <t>藤沢市鵠沼藤が谷2-2-13</t>
  </si>
  <si>
    <t>石井　紀夫</t>
  </si>
  <si>
    <t>藤沢病院</t>
  </si>
  <si>
    <t>藤沢市小塚383</t>
  </si>
  <si>
    <t>林　美穂</t>
  </si>
  <si>
    <t>巽　藤緒</t>
  </si>
  <si>
    <t>湘南第一病院</t>
  </si>
  <si>
    <t>藤沢市湘南台1-19-7</t>
  </si>
  <si>
    <t>長嶋　道貴</t>
  </si>
  <si>
    <t>飯島　正樹</t>
  </si>
  <si>
    <t>正木　宏</t>
  </si>
  <si>
    <t>メディカルパーク湘南　こどもクリニック</t>
  </si>
  <si>
    <t>藤沢市湘南台1-24-7 1F</t>
  </si>
  <si>
    <t>塩味　達也</t>
  </si>
  <si>
    <t>湘南ジンベエ皮膚科</t>
  </si>
  <si>
    <t>藤沢市湘南台1-4-2　ピノスビル3F-2</t>
  </si>
  <si>
    <t>塩味　由紀</t>
  </si>
  <si>
    <t>秦　淳也</t>
  </si>
  <si>
    <t>湘南台はた眼科</t>
  </si>
  <si>
    <t>藤沢市湘南台1-4-2　ピノスビル4F</t>
  </si>
  <si>
    <t>今西　幸市</t>
  </si>
  <si>
    <t>いまにし内科消化器科クリニック</t>
  </si>
  <si>
    <t>藤沢市湘南台1-7-8　エスポワール1F</t>
  </si>
  <si>
    <t>安西　兼丈</t>
  </si>
  <si>
    <t>湘南藤沢心臓血管クリニック</t>
  </si>
  <si>
    <t>藤沢市湘南台1-9-1　エクシード湘南台1F</t>
  </si>
  <si>
    <t>内科、心臓血管外科、循環器内科、美容皮膚科</t>
  </si>
  <si>
    <t>米花　知伸</t>
  </si>
  <si>
    <t>髙木　剛</t>
  </si>
  <si>
    <t>井上　慎也</t>
  </si>
  <si>
    <t>藤沢市湘南台1-9-1エクシード湘南台1F</t>
  </si>
  <si>
    <t>竹内　昭慶</t>
  </si>
  <si>
    <t>湘南台スマイルクリニック</t>
  </si>
  <si>
    <t>藤沢市湘南台2-10-5　アンドウビル1F</t>
  </si>
  <si>
    <t>田口　篤</t>
  </si>
  <si>
    <t>上石　貴之</t>
  </si>
  <si>
    <t>かみいし整形外科クリニック</t>
  </si>
  <si>
    <t>藤沢市湘南台2-13-10　神中第五ﾋﾞﾙ1F</t>
  </si>
  <si>
    <t>中澤　京子</t>
  </si>
  <si>
    <t>中沢内科医院</t>
  </si>
  <si>
    <t>藤沢市湘南台2-18-3</t>
  </si>
  <si>
    <t>天門　淳子</t>
  </si>
  <si>
    <t>ことり内科クリニック</t>
  </si>
  <si>
    <t>藤沢市湘南台2-2-1-1A</t>
  </si>
  <si>
    <t>進藤　充稔</t>
  </si>
  <si>
    <t>グリシナクリニック湘南台</t>
  </si>
  <si>
    <t>藤沢市湘南台2-2-6-3Ｆ</t>
  </si>
  <si>
    <t>深澤　基児</t>
  </si>
  <si>
    <t>湘南ふかさわ鼠径ヘルニア大腸肛門外科クリニック</t>
  </si>
  <si>
    <t>藤沢市湘南台2-31-15-2F</t>
  </si>
  <si>
    <t>三木　浩栄</t>
  </si>
  <si>
    <t>湘南台クリニック</t>
  </si>
  <si>
    <t>藤沢市湘南台2-6-10　WP7thビルディング　3F</t>
  </si>
  <si>
    <t>内科、消化器外科</t>
  </si>
  <si>
    <t>信下　智広</t>
  </si>
  <si>
    <t>友田　岳志</t>
  </si>
  <si>
    <t>湘南台　腎泌尿器・漢方クリニック</t>
  </si>
  <si>
    <t>藤沢市湘南台2-7-12　門倉第二湘南台ビル1F</t>
  </si>
  <si>
    <t>落合　周太郎</t>
  </si>
  <si>
    <t>湘南台脳神経外科クリニック</t>
  </si>
  <si>
    <t>藤沢市湘南台2-7-15-102　東急ドエルアルス湘南台アネックス　1F102</t>
  </si>
  <si>
    <t>菅　千束</t>
  </si>
  <si>
    <t>すが皮ふ科</t>
  </si>
  <si>
    <t>藤沢市湘南台2-8-30　DONIE湘南2F</t>
  </si>
  <si>
    <t>菅　誠</t>
  </si>
  <si>
    <t>すが内科クリニック</t>
  </si>
  <si>
    <t>藤沢市湘南台2-8-30　DONIE湘南3F</t>
  </si>
  <si>
    <t>丹下　祐一</t>
  </si>
  <si>
    <t>たんげ脳神経外科</t>
  </si>
  <si>
    <t>藤沢市湘南台3-7-12　湘南台クリニックビル　1F</t>
  </si>
  <si>
    <t>脳神経外科、内分泌代謝科、脳神経内科</t>
  </si>
  <si>
    <t>小林　俊介</t>
  </si>
  <si>
    <t>藤沢市湘南台3-7-12　湘南台クリニックビル　3F</t>
  </si>
  <si>
    <t>岩本　正彦</t>
  </si>
  <si>
    <t>いわもと内科</t>
  </si>
  <si>
    <t>藤沢市湘南台4-5-1　プレジャ湘南台</t>
  </si>
  <si>
    <t>徳山　淳</t>
  </si>
  <si>
    <t>ルピナス在宅クリニック</t>
  </si>
  <si>
    <t>藤沢市湘南台5-35-1　GSハイム湘南台101号室</t>
  </si>
  <si>
    <t>西郡　修平</t>
  </si>
  <si>
    <t>西郡医院</t>
  </si>
  <si>
    <t>藤沢市湘南台7-50-5</t>
  </si>
  <si>
    <t>山本　頼綱</t>
  </si>
  <si>
    <t>湘南真心クリニック</t>
  </si>
  <si>
    <t>藤沢市菖蒲沢1221-2</t>
  </si>
  <si>
    <t>神﨑　真実</t>
  </si>
  <si>
    <t>宮本　京</t>
  </si>
  <si>
    <t>宮本内科消化器科クリニック</t>
  </si>
  <si>
    <t>藤沢市菖蒲沢611</t>
  </si>
  <si>
    <t>高橋　誠</t>
  </si>
  <si>
    <t>高橋まことクリニック</t>
  </si>
  <si>
    <t>藤沢市石川1-1-20　SCビル2F</t>
  </si>
  <si>
    <t>宮治　正雄</t>
  </si>
  <si>
    <t>湘南台宮治クリニック</t>
  </si>
  <si>
    <t>藤沢市石川6-21-10</t>
  </si>
  <si>
    <t>鈴木　久晴</t>
  </si>
  <si>
    <t>善行すずき眼科</t>
  </si>
  <si>
    <t>藤沢市善行1-22-11</t>
  </si>
  <si>
    <t>石田　秀樹</t>
  </si>
  <si>
    <t>石田胃腸科医院</t>
  </si>
  <si>
    <t>藤沢市善行2-1-2</t>
  </si>
  <si>
    <t>松木　孝道</t>
  </si>
  <si>
    <t>藤沢善行ファミリークリニック</t>
  </si>
  <si>
    <t>藤沢市善行7-4-9</t>
  </si>
  <si>
    <t>内科、アレルギー科、小児科</t>
  </si>
  <si>
    <t>石川　範和</t>
  </si>
  <si>
    <t>善行団地　石川医院</t>
  </si>
  <si>
    <t>藤沢市善行団地3-16-1</t>
  </si>
  <si>
    <t>沼田　博行</t>
  </si>
  <si>
    <t>ぬまた内科呼吸器科</t>
  </si>
  <si>
    <t>藤沢市大鋸1-2-18</t>
  </si>
  <si>
    <t>内科、循環器内科、呼吸器内科</t>
  </si>
  <si>
    <t>小野　俊明</t>
  </si>
  <si>
    <t>小野整形外科</t>
  </si>
  <si>
    <t>藤沢市大鋸1-2-18　NKビル2F</t>
  </si>
  <si>
    <t>関根　久遠</t>
  </si>
  <si>
    <t>関根耳鼻咽喉科医院</t>
  </si>
  <si>
    <t>藤沢市大庭5099-1</t>
  </si>
  <si>
    <t>雑賀　壽和</t>
  </si>
  <si>
    <t>さいが眼科</t>
  </si>
  <si>
    <t>藤沢市大庭5099-2</t>
  </si>
  <si>
    <t>木下　博和</t>
  </si>
  <si>
    <t>木下整形外科</t>
  </si>
  <si>
    <t>藤沢市大庭5125-13</t>
  </si>
  <si>
    <t>渋谷　崇裕</t>
  </si>
  <si>
    <t>湘南ゆずクリニック</t>
  </si>
  <si>
    <t>藤沢市大庭5220-27</t>
  </si>
  <si>
    <t>内科、精神科、消化器内科</t>
  </si>
  <si>
    <t>石田　信也</t>
  </si>
  <si>
    <t>坂本　学映</t>
  </si>
  <si>
    <t>ホームケアクリニック大庭</t>
  </si>
  <si>
    <t>藤沢市大庭5308-1</t>
  </si>
  <si>
    <t>安藤　俊孝</t>
  </si>
  <si>
    <t>湘南ライフタウン診療所</t>
  </si>
  <si>
    <t>藤沢市大庭5526-2　藤沢エデンの園B1F</t>
  </si>
  <si>
    <t>井上　宗信</t>
  </si>
  <si>
    <t>小山　主夫</t>
  </si>
  <si>
    <t>湘南大庭病院</t>
  </si>
  <si>
    <t>藤沢市大庭5526-22</t>
  </si>
  <si>
    <t>小林　一郎</t>
  </si>
  <si>
    <t>内科、アレルギー科、呼吸器内科</t>
  </si>
  <si>
    <t>西谷　憲三</t>
  </si>
  <si>
    <t>姫野　秀朗</t>
  </si>
  <si>
    <t>藤沢市保健医療センター診療所</t>
  </si>
  <si>
    <t>藤沢市大庭5527-1</t>
  </si>
  <si>
    <t>吉村　恵理子</t>
  </si>
  <si>
    <t>よしむら耳鼻咽喉科・内科・呼吸器内科</t>
  </si>
  <si>
    <t>藤沢市大庭5681-10-2Ｆ</t>
  </si>
  <si>
    <t>吉村　信行</t>
  </si>
  <si>
    <t>吉村　太一</t>
  </si>
  <si>
    <t>藤沢市大庭5681-10-2F</t>
  </si>
  <si>
    <t>青木　信平</t>
  </si>
  <si>
    <t>青木内科</t>
  </si>
  <si>
    <t>藤沢市大庭5682-9　ライフビル3F</t>
  </si>
  <si>
    <t>竹島　望</t>
  </si>
  <si>
    <t>つながりクリニック</t>
  </si>
  <si>
    <t>藤沢市朝日町12-12 3-C</t>
  </si>
  <si>
    <t>原田　真吾</t>
  </si>
  <si>
    <t>藤沢市朝日町12-12 3F-C</t>
  </si>
  <si>
    <t>鈴木　陽一</t>
  </si>
  <si>
    <t>長後すずき内科クリニック</t>
  </si>
  <si>
    <t>藤沢市長後556-1</t>
  </si>
  <si>
    <t>内科、糖尿病内科、内分泌内科</t>
  </si>
  <si>
    <t>守谷　昭彦</t>
  </si>
  <si>
    <t>グリーン内科</t>
  </si>
  <si>
    <t>藤沢市長後706　ゴールドエイジ藤沢101</t>
  </si>
  <si>
    <t>遠藤　要子</t>
  </si>
  <si>
    <t>長後えんどう眼科</t>
  </si>
  <si>
    <t>藤沢市長後706　ゴールドエイジ藤沢1F</t>
  </si>
  <si>
    <t>酒井　辰彦</t>
  </si>
  <si>
    <t>酒井医院</t>
  </si>
  <si>
    <t>藤沢市辻堂1-10-19</t>
  </si>
  <si>
    <t>大嶋　隆夫</t>
  </si>
  <si>
    <t>辻堂内科診療所</t>
  </si>
  <si>
    <t>藤沢市辻堂2-12-13</t>
  </si>
  <si>
    <t>齋藤　英之</t>
  </si>
  <si>
    <t>辻堂いなほクリニック</t>
  </si>
  <si>
    <t>藤沢市辻堂2-2-14　ステラ湘南3F</t>
  </si>
  <si>
    <t>精神神経科</t>
  </si>
  <si>
    <t>木原　明子</t>
  </si>
  <si>
    <t>医療法人長谷川会　湘南ホスピタル</t>
  </si>
  <si>
    <t>藤沢市辻堂3-10-2</t>
  </si>
  <si>
    <t>安徳　恭演</t>
  </si>
  <si>
    <t>湘南ホスピタル</t>
  </si>
  <si>
    <t>奥野　滋子</t>
  </si>
  <si>
    <t>桔梗　英幸</t>
  </si>
  <si>
    <t>松井　和子</t>
  </si>
  <si>
    <t>堤　菜津子</t>
  </si>
  <si>
    <t>福田　勉</t>
  </si>
  <si>
    <t>片桐　一</t>
  </si>
  <si>
    <t>はじめクリニック</t>
  </si>
  <si>
    <t>藤沢市辻堂5-18-9</t>
  </si>
  <si>
    <t>内科、胃腸科、外科、こう門科、リハビリ科</t>
  </si>
  <si>
    <t>中川　祐</t>
  </si>
  <si>
    <t>辻堂脳神経・脊椎クリニック</t>
  </si>
  <si>
    <t>藤沢市辻堂元町1-7-18-1</t>
  </si>
  <si>
    <t>内科、脳神経外科、</t>
  </si>
  <si>
    <t>山内　秀太</t>
  </si>
  <si>
    <t>湘南いしぐろクリニック藤沢SST院</t>
  </si>
  <si>
    <t>藤沢市辻堂元町6-15-1-1</t>
  </si>
  <si>
    <t>山崎　安信</t>
  </si>
  <si>
    <t>山崎クリニック</t>
  </si>
  <si>
    <t>藤沢市辻堂新町1-1-15　山上第二ビル2F</t>
  </si>
  <si>
    <t>胃腸科</t>
  </si>
  <si>
    <t>小林　明芳</t>
  </si>
  <si>
    <t>小林内科医院</t>
  </si>
  <si>
    <t>藤沢市辻堂新町2-17-29</t>
  </si>
  <si>
    <t>石黒　裕章</t>
  </si>
  <si>
    <t>望星藤沢クリニック</t>
  </si>
  <si>
    <t>藤沢市辻堂新町3-7-20</t>
  </si>
  <si>
    <t>腎臓内科、透析科</t>
  </si>
  <si>
    <t>渡邉　佳代子</t>
  </si>
  <si>
    <t>内科（腎臓内科）</t>
  </si>
  <si>
    <t>井田　泰嗣</t>
  </si>
  <si>
    <t>辻堂神台眼科</t>
  </si>
  <si>
    <t>藤沢市辻堂神台1-2-12　Luz湘南辻堂516-4</t>
  </si>
  <si>
    <t>神尾　一樹</t>
  </si>
  <si>
    <t>Luz湘南辻堂　おなかと内視鏡のクリニック</t>
  </si>
  <si>
    <t>藤沢市辻堂神台1-2-12　Luz湘南辻堂5F</t>
  </si>
  <si>
    <t>消化器内科、内科、外科、肛門外科</t>
  </si>
  <si>
    <t>大江　元樹</t>
  </si>
  <si>
    <t>もとき内科クリニック</t>
  </si>
  <si>
    <t>藤沢市辻堂神台1-3-39　オザワビル403</t>
  </si>
  <si>
    <t>遠藤　昌孝</t>
  </si>
  <si>
    <t>湘南藤沢徳州会病院</t>
  </si>
  <si>
    <t>藤沢市辻堂神台1-5-1</t>
  </si>
  <si>
    <t>河崎　さつき</t>
  </si>
  <si>
    <t>岩渕　省吾</t>
  </si>
  <si>
    <t>肝胆膵内科</t>
  </si>
  <si>
    <t>亀井　徹正</t>
  </si>
  <si>
    <t>近藤　哲理</t>
  </si>
  <si>
    <t>江原　宗平</t>
  </si>
  <si>
    <t>山本　悟</t>
  </si>
  <si>
    <t>種村　宏之</t>
  </si>
  <si>
    <t>中﨑　晴弘</t>
  </si>
  <si>
    <t>渡邊　京子</t>
  </si>
  <si>
    <t>藤川　智章</t>
  </si>
  <si>
    <t>日比野　真</t>
  </si>
  <si>
    <t>武石　浩之</t>
  </si>
  <si>
    <t>髙力　俊策</t>
  </si>
  <si>
    <t>阿部　翼</t>
  </si>
  <si>
    <t>湘南藤沢徳洲会病院</t>
  </si>
  <si>
    <t>永田　充</t>
  </si>
  <si>
    <t>吉村　一良</t>
  </si>
  <si>
    <t>吉田　利夫</t>
  </si>
  <si>
    <t>近藤　智正</t>
  </si>
  <si>
    <t>九鬼 有克子</t>
  </si>
  <si>
    <t>原　美朋</t>
  </si>
  <si>
    <t>溝上　康治</t>
  </si>
  <si>
    <t>脳血管外科</t>
  </si>
  <si>
    <t>高玉　勝彦</t>
  </si>
  <si>
    <t>山岸 民治</t>
  </si>
  <si>
    <t>山口　滋紀</t>
  </si>
  <si>
    <t>山根　景志</t>
  </si>
  <si>
    <t>七里　頼子</t>
  </si>
  <si>
    <t>宗像　博美</t>
  </si>
  <si>
    <t>清水　実</t>
  </si>
  <si>
    <t>肝胆膵・消化器病センター</t>
  </si>
  <si>
    <t>川本　雅司</t>
  </si>
  <si>
    <t>病理診断部</t>
  </si>
  <si>
    <t>前田　一成</t>
  </si>
  <si>
    <t>倉田　修治</t>
  </si>
  <si>
    <t>竹村　友秀</t>
  </si>
  <si>
    <t>内分泌糖尿内科</t>
  </si>
  <si>
    <t>中下　珠緒</t>
  </si>
  <si>
    <t>渡邉　茂弘</t>
  </si>
  <si>
    <t>内藤　祐次</t>
  </si>
  <si>
    <t>樋口　雄將</t>
  </si>
  <si>
    <t>服部　滋</t>
  </si>
  <si>
    <t>北川　泉</t>
  </si>
  <si>
    <t>堀内　滋人</t>
  </si>
  <si>
    <t>総合診療内科</t>
  </si>
  <si>
    <t>鈴木　康紀</t>
  </si>
  <si>
    <t>鈴木　愛</t>
  </si>
  <si>
    <t>辻堂たいへいだい耳鼻咽喉科</t>
  </si>
  <si>
    <t>藤沢市辻堂太平台2-13-22</t>
  </si>
  <si>
    <t>濱﨑　洋一郎</t>
  </si>
  <si>
    <t>辻堂まんぼう皮ふ科</t>
  </si>
  <si>
    <t>藤沢市辻堂太平台2-13-22　1F3号室</t>
  </si>
  <si>
    <t>松野　史孝</t>
  </si>
  <si>
    <t>湘南太平台病院</t>
  </si>
  <si>
    <t>藤沢市辻堂太平台2-13-27</t>
  </si>
  <si>
    <t>海部　大樹</t>
  </si>
  <si>
    <t>海部胃腸内科医院</t>
  </si>
  <si>
    <t>藤沢市藤が岡3-6-10</t>
  </si>
  <si>
    <t>三沢　昌史</t>
  </si>
  <si>
    <t>昌　内科医院</t>
  </si>
  <si>
    <t>藤沢市藤沢1006-1-1F</t>
  </si>
  <si>
    <t>近藤　健</t>
  </si>
  <si>
    <t>近藤内科医院</t>
  </si>
  <si>
    <t>藤沢市藤沢1027-9</t>
  </si>
  <si>
    <t>矢野　善己</t>
  </si>
  <si>
    <t>やのハートクリニック</t>
  </si>
  <si>
    <t>藤沢市藤沢1099-5</t>
  </si>
  <si>
    <t>内科、心臓血管外科、循環器内科</t>
  </si>
  <si>
    <t>宮岡　誠</t>
  </si>
  <si>
    <t>宮岡脳神経外科</t>
  </si>
  <si>
    <t>藤沢市藤沢1-3-9</t>
  </si>
  <si>
    <t>星野　和彦</t>
  </si>
  <si>
    <t>ほしの内科クリニック</t>
  </si>
  <si>
    <t>藤沢市藤沢2-1-18　山本ビル1Ｆ</t>
  </si>
  <si>
    <t>池田　陽一</t>
  </si>
  <si>
    <t>いけだ耳鼻咽喉科</t>
  </si>
  <si>
    <t>藤沢市藤沢2-1-18　山本ビル3F</t>
  </si>
  <si>
    <t>龍瀧　憲治</t>
  </si>
  <si>
    <t>白旗なのはなクリニック</t>
  </si>
  <si>
    <t>藤沢市藤沢2-3-15　トレアージュ白旗2Ｆ</t>
  </si>
  <si>
    <t>安藤　耕平</t>
  </si>
  <si>
    <t>藤沢市民病院</t>
  </si>
  <si>
    <t>藤沢市藤沢2-6-1</t>
  </si>
  <si>
    <t>安藤　知子</t>
  </si>
  <si>
    <t>案納　忠識</t>
  </si>
  <si>
    <t>井上 満穂</t>
  </si>
  <si>
    <t>永井　秀人</t>
  </si>
  <si>
    <t>横山　睦美</t>
  </si>
  <si>
    <t>岡　智</t>
  </si>
  <si>
    <t>救急外科</t>
  </si>
  <si>
    <t>岩瀬　滋</t>
  </si>
  <si>
    <t>向原　茂雄</t>
  </si>
  <si>
    <t>高野　桂子</t>
  </si>
  <si>
    <t>佐近　琢磨</t>
  </si>
  <si>
    <t>佐藤　慧一</t>
  </si>
  <si>
    <t>佐伯　美奈子</t>
  </si>
  <si>
    <t>山浦　弦平</t>
  </si>
  <si>
    <t>山岸　茂</t>
  </si>
  <si>
    <t>山田 将大</t>
  </si>
  <si>
    <t>若林　綾</t>
  </si>
  <si>
    <t>酒井　政司</t>
  </si>
  <si>
    <t>出井　ふみ</t>
  </si>
  <si>
    <t>小林　幸司</t>
  </si>
  <si>
    <t>松尾　光祐</t>
  </si>
  <si>
    <t>杉本　栄康</t>
  </si>
  <si>
    <t>リウマチ科、呼吸器内科</t>
  </si>
  <si>
    <t>西川　正憲</t>
  </si>
  <si>
    <t>西村　正基</t>
  </si>
  <si>
    <t>千葉　喜美男</t>
  </si>
  <si>
    <t>前島　信彦</t>
  </si>
  <si>
    <t>草野　暢子</t>
  </si>
  <si>
    <t>谷垣　裕二</t>
  </si>
  <si>
    <t>竹田　喬亮</t>
  </si>
  <si>
    <t>中島　健太郎</t>
  </si>
  <si>
    <t>中嶋　ゆき</t>
  </si>
  <si>
    <t>長田　頼河</t>
  </si>
  <si>
    <t>塚原　健吾</t>
  </si>
  <si>
    <t>塚本　恵</t>
  </si>
  <si>
    <t>壷井　洋子</t>
  </si>
  <si>
    <t>藤巻　克通</t>
  </si>
  <si>
    <t>内山　友輔</t>
  </si>
  <si>
    <t>飯倉　元保</t>
  </si>
  <si>
    <t>福地　剛英</t>
  </si>
  <si>
    <t>福島　亮介</t>
  </si>
  <si>
    <t>小児救急科</t>
  </si>
  <si>
    <t>牧野　洋知</t>
  </si>
  <si>
    <t>林 英伸</t>
  </si>
  <si>
    <t>林　紀子</t>
  </si>
  <si>
    <t>國谷　洋</t>
  </si>
  <si>
    <t>髙野　達朗</t>
  </si>
  <si>
    <t>山岸　直子</t>
  </si>
  <si>
    <t>山岸クリニック</t>
  </si>
  <si>
    <t>藤沢市藤沢3-1-18</t>
  </si>
  <si>
    <t>山岸　登</t>
  </si>
  <si>
    <t>内科、消化器内科、循環器内科</t>
  </si>
  <si>
    <t>中村　尚夫</t>
  </si>
  <si>
    <t>湘南中村クリニック</t>
  </si>
  <si>
    <t>藤沢市藤沢31-2</t>
  </si>
  <si>
    <t>秦野　寛</t>
  </si>
  <si>
    <t>ルミネはたの眼科</t>
  </si>
  <si>
    <t>藤沢市藤沢438-1　ルミネ7F</t>
  </si>
  <si>
    <t>笠原　純恵</t>
  </si>
  <si>
    <t>藤沢アイクリニック</t>
  </si>
  <si>
    <t>藤沢市藤沢530-10　F.S.Cビル4F</t>
  </si>
  <si>
    <t>江頭　秀人</t>
  </si>
  <si>
    <t>消化器と内視鏡の内科　藤沢えがしらクリニック</t>
  </si>
  <si>
    <t>藤沢市藤沢530-10　F・S・Cビル3F302</t>
  </si>
  <si>
    <t>三浦　正寛</t>
  </si>
  <si>
    <t>藤沢みうら耳鼻咽喉科</t>
  </si>
  <si>
    <t>藤沢市藤沢530-10　FSCビル4F</t>
  </si>
  <si>
    <t>山川　ふみ子</t>
  </si>
  <si>
    <t>山川医院</t>
  </si>
  <si>
    <t>藤沢市藤沢541</t>
  </si>
  <si>
    <t>小岩　克至</t>
  </si>
  <si>
    <t>さくら皮フ科</t>
  </si>
  <si>
    <t>藤沢市藤沢559　角若松ビル2F 2-1</t>
  </si>
  <si>
    <t>近藤　謙司</t>
  </si>
  <si>
    <t>湘南藤沢形成外科クリニックR</t>
  </si>
  <si>
    <t>藤沢市藤沢571　荒井ビル１F</t>
  </si>
  <si>
    <t>小貫　建一郎</t>
  </si>
  <si>
    <t>湘南藤沢おぬき消化器クリニック</t>
  </si>
  <si>
    <t>藤沢市藤沢600 ASMビルディング3F</t>
  </si>
  <si>
    <t>原　洋史</t>
  </si>
  <si>
    <t>藤沢駅前糖尿病・甲状腺クリニック</t>
  </si>
  <si>
    <t>藤沢市藤沢600　松涛園ビル1F</t>
  </si>
  <si>
    <t>糖尿病内科</t>
  </si>
  <si>
    <t>山崎　俊介</t>
  </si>
  <si>
    <t>藤沢市藤沢600　松濤園ビル1F</t>
  </si>
  <si>
    <t>福山　雄一</t>
  </si>
  <si>
    <t>湘南眼科クリニック</t>
  </si>
  <si>
    <t>藤沢市藤沢610-1　2F</t>
  </si>
  <si>
    <t>原田　由美子</t>
  </si>
  <si>
    <t>藤沢市藤沢610-1　サミット2F</t>
  </si>
  <si>
    <t>小俣　貴嗣</t>
  </si>
  <si>
    <t>こまたアレルギー科小児科クリニック</t>
  </si>
  <si>
    <t>藤沢市藤沢610-1　サミットストア藤沢駅北口店2F</t>
  </si>
  <si>
    <t>沢　丞</t>
  </si>
  <si>
    <t>さわ内科糖尿病クリニック</t>
  </si>
  <si>
    <t>中村　要</t>
  </si>
  <si>
    <t>湘南耳鼻咽喉科</t>
  </si>
  <si>
    <t>藤沢市藤沢94-2</t>
  </si>
  <si>
    <t>米田　浩基</t>
  </si>
  <si>
    <t>藤沢在宅クリニック</t>
  </si>
  <si>
    <t>藤沢市南藤沢17-16　秋山ビルⅡ201号室</t>
  </si>
  <si>
    <t>加賀谷　たえ</t>
  </si>
  <si>
    <t>湘南なぎさ診療所</t>
  </si>
  <si>
    <t>松本　達也</t>
  </si>
  <si>
    <t>細田　ひろみ</t>
  </si>
  <si>
    <t>細田眼科クリニック</t>
  </si>
  <si>
    <t>藤沢市南藤沢4-16　マサキビル2F</t>
  </si>
  <si>
    <t>安部　良治</t>
  </si>
  <si>
    <t>山内病院</t>
  </si>
  <si>
    <t>藤沢市南藤沢4-6</t>
  </si>
  <si>
    <t>栗原　雄司</t>
  </si>
  <si>
    <t>小林　奏</t>
  </si>
  <si>
    <t>増山　香</t>
  </si>
  <si>
    <t>天野　晴康</t>
  </si>
  <si>
    <t>百木 菜摘</t>
  </si>
  <si>
    <t>消化器肝胆膵内科</t>
  </si>
  <si>
    <t>八鍬　秀之</t>
  </si>
  <si>
    <t>湘南長寿園病院</t>
  </si>
  <si>
    <t>藤沢市白旗1-11-1</t>
  </si>
  <si>
    <t>三宅　省吾</t>
  </si>
  <si>
    <t>三宅クリニック</t>
  </si>
  <si>
    <t>藤沢市柄沢2-5-5</t>
  </si>
  <si>
    <t>臼井　大祐</t>
  </si>
  <si>
    <t>からさわ耳鼻咽喉科</t>
  </si>
  <si>
    <t>藤沢市柄沢560-4-1</t>
  </si>
  <si>
    <t>角谷　玄太</t>
  </si>
  <si>
    <t>角谷整形外科</t>
  </si>
  <si>
    <t>藤沢市柄沢563-1</t>
  </si>
  <si>
    <t>松村　卓洋</t>
  </si>
  <si>
    <t>渡邊　隆司</t>
  </si>
  <si>
    <t>湘南内科</t>
  </si>
  <si>
    <t>藤沢市片瀬2-15-24</t>
  </si>
  <si>
    <t>花岡　央泰</t>
  </si>
  <si>
    <t>藤沢脳神経外科病院</t>
  </si>
  <si>
    <t>藤沢市片瀬2-15-36</t>
  </si>
  <si>
    <t>竹岡　常行</t>
  </si>
  <si>
    <t>數野　通丈</t>
  </si>
  <si>
    <t>小野　彰夫</t>
  </si>
  <si>
    <t>片瀬整形外科</t>
  </si>
  <si>
    <t>藤沢市片瀬3-1-39～1F</t>
  </si>
  <si>
    <t>野中　信宏</t>
  </si>
  <si>
    <t>湘南江の島クリニック</t>
  </si>
  <si>
    <t>藤沢市片瀬3-15-1　湘南江の島駅ビル3F</t>
  </si>
  <si>
    <t>片倉　茂樹</t>
  </si>
  <si>
    <t>片瀬こどもクリニック</t>
  </si>
  <si>
    <t>藤沢市片瀬3ｰ1ｰ39　片瀬クリニックプラザ2F</t>
  </si>
  <si>
    <t>田村　剛三</t>
  </si>
  <si>
    <t>かりゆしファミリークリニック</t>
  </si>
  <si>
    <t>藤沢市片瀬365-1</t>
  </si>
  <si>
    <t>吉田　憲司</t>
  </si>
  <si>
    <t>片瀬クリニック</t>
  </si>
  <si>
    <t>藤沢市片瀬5-12-23　1F</t>
  </si>
  <si>
    <t>一般内科、消化器内科</t>
  </si>
  <si>
    <t>髙橋　敦</t>
  </si>
  <si>
    <t>髙橋内科クリニック</t>
  </si>
  <si>
    <t>藤沢市片瀬海岸1-5-5　鎌田ビル1F</t>
  </si>
  <si>
    <t>石井　耕司</t>
  </si>
  <si>
    <t>いしい内科医院</t>
  </si>
  <si>
    <t>藤沢市片瀬海岸2-9-2　ナイアメゾン101</t>
  </si>
  <si>
    <t>消化器内科（肝臓病）</t>
  </si>
  <si>
    <t>山田　博子</t>
  </si>
  <si>
    <t>やまだ内科クリニック</t>
  </si>
  <si>
    <t>藤沢市片瀬山2-7-5</t>
  </si>
  <si>
    <t>山田　峰彦</t>
  </si>
  <si>
    <t>及川　直樹</t>
  </si>
  <si>
    <t>及川内科医院</t>
  </si>
  <si>
    <t>藤沢市片瀬山4-6-4</t>
  </si>
  <si>
    <t>横井　聡</t>
  </si>
  <si>
    <t>鵠沼クリニック</t>
  </si>
  <si>
    <t>藤沢市本鵠沼2-14-10</t>
  </si>
  <si>
    <t>早稲田　愛生</t>
  </si>
  <si>
    <t>早稲田医院</t>
  </si>
  <si>
    <t>藤沢市本鵠沼4-7-4</t>
  </si>
  <si>
    <t>大石　哲也</t>
  </si>
  <si>
    <t>内科、糖尿病内科、腎臓内科</t>
  </si>
  <si>
    <t>大貫　知英</t>
  </si>
  <si>
    <t>湘南鵠沼脳神経クリニック</t>
  </si>
  <si>
    <t>藤沢市本鵠沼4-7-9　ウェルネス湘南第二ビル１F</t>
  </si>
  <si>
    <t>脳神経内科（神経内科）</t>
  </si>
  <si>
    <t>牛腸　俊彦</t>
  </si>
  <si>
    <t>牛腸内科クリニック</t>
  </si>
  <si>
    <t>藤沢市本町2-8-28</t>
  </si>
  <si>
    <t>景山　明彦</t>
  </si>
  <si>
    <t>本藤沢ゆずクリニック</t>
  </si>
  <si>
    <t>藤沢市本藤沢1-1-8　TOMOビル2F</t>
  </si>
  <si>
    <t>内科、消化器内科、老年内科</t>
  </si>
  <si>
    <t>佐藤　徹也</t>
  </si>
  <si>
    <t>本藤沢内科クリニック</t>
  </si>
  <si>
    <t>藤沢市本藤沢6-14-2</t>
  </si>
  <si>
    <t>横田　俊平</t>
  </si>
  <si>
    <t>湘南よこた医院</t>
  </si>
  <si>
    <t>藤沢市本藤沢6-8-1</t>
  </si>
  <si>
    <t>小児リウマチ科</t>
  </si>
  <si>
    <t>新海　敏行</t>
  </si>
  <si>
    <t>のぞみホームクリニック</t>
  </si>
  <si>
    <t>藤沢市弥勒寺1-23-4</t>
  </si>
  <si>
    <t>高橋　涼子</t>
  </si>
  <si>
    <t>たかはしクリニック</t>
  </si>
  <si>
    <t>藤沢市弥勒寺4-1-12</t>
  </si>
  <si>
    <t>中尾　裕太</t>
  </si>
  <si>
    <t>ココロまち診療所</t>
  </si>
  <si>
    <t>藤沢市用田2672</t>
  </si>
  <si>
    <t>片岡　侑史</t>
  </si>
  <si>
    <t>井原　健太郎</t>
  </si>
  <si>
    <t>藤沢御所見病院</t>
  </si>
  <si>
    <t>藤沢市獺郷580</t>
  </si>
  <si>
    <t>玉木　望</t>
  </si>
  <si>
    <t>松山　祐子</t>
  </si>
  <si>
    <t>川島　英恵</t>
  </si>
  <si>
    <t>張　寧</t>
  </si>
  <si>
    <t>八木　進也</t>
  </si>
  <si>
    <t>荒川　宏</t>
  </si>
  <si>
    <t>小林病院</t>
  </si>
  <si>
    <t>小田原市</t>
  </si>
  <si>
    <t>小田原市栄町1-14-18</t>
  </si>
  <si>
    <t>三木　義隆</t>
  </si>
  <si>
    <t>内視鏡科</t>
  </si>
  <si>
    <t>勝谷　雅昭</t>
  </si>
  <si>
    <t>泉　義雄</t>
  </si>
  <si>
    <t>辻内　和人</t>
  </si>
  <si>
    <t>二宮　淳一</t>
  </si>
  <si>
    <t>循環器科、心臓血管外科</t>
  </si>
  <si>
    <t>富永　晃都</t>
  </si>
  <si>
    <t>吉田　幸司</t>
  </si>
  <si>
    <t>吉田クリニック</t>
  </si>
  <si>
    <t>小田原市栄町1-14-41　音羽プラーザビル1F</t>
  </si>
  <si>
    <t>井島　大輔</t>
  </si>
  <si>
    <t>お堀端クリニック</t>
  </si>
  <si>
    <t>小田原市栄町1-14-48　ジャンボーナックビル2F</t>
  </si>
  <si>
    <t>髙橋　三津雄</t>
  </si>
  <si>
    <t>小田原市栄町1-14-48　ジャンボーナックビル2Ｆ</t>
  </si>
  <si>
    <t>志村　佳瑚</t>
  </si>
  <si>
    <t>小田原市栄町1-14-8</t>
  </si>
  <si>
    <t>リウマチ・膠原病内科</t>
  </si>
  <si>
    <t>栗田　正幸</t>
  </si>
  <si>
    <t>くりた眼科クリニック</t>
  </si>
  <si>
    <t>小田原市栄町1-14-9　NTビルⅠ　2Ｆ</t>
  </si>
  <si>
    <t>稲葉　裕之</t>
  </si>
  <si>
    <t>おだわら泌尿器科・内科クリニック</t>
  </si>
  <si>
    <t>小田原市栄町1-18-29</t>
  </si>
  <si>
    <t>小野　敦史</t>
  </si>
  <si>
    <t>おだわら脳神経外科クリニック</t>
  </si>
  <si>
    <t>小田原市栄町1-5-17　オゾンビル　1F</t>
  </si>
  <si>
    <t>加藤　隆志</t>
  </si>
  <si>
    <t>かとうリウマチ内科クリニック</t>
  </si>
  <si>
    <t>小田原市栄町1-5-17-2F</t>
  </si>
  <si>
    <t>上嶋　亮</t>
  </si>
  <si>
    <t>かみじま内科クリニック</t>
  </si>
  <si>
    <t>小田原市栄町1-5-20　大邦ビル2F</t>
  </si>
  <si>
    <t>田尻　さくら子</t>
  </si>
  <si>
    <t>さくらこ内科・呼吸器・血管クリニック</t>
  </si>
  <si>
    <t>小田原市栄町1-6-4　勝俣組ビル１F</t>
  </si>
  <si>
    <t>アレルギー科、呼吸器内科</t>
  </si>
  <si>
    <t>一原　亮</t>
  </si>
  <si>
    <t>小田原銀座クリニック</t>
  </si>
  <si>
    <t>小田原市栄町2-12-1</t>
  </si>
  <si>
    <t>吉井　新一</t>
  </si>
  <si>
    <t>吉井整形外科</t>
  </si>
  <si>
    <t>小田原市栄町2-15-16</t>
  </si>
  <si>
    <t>伊東　功</t>
  </si>
  <si>
    <t>小田原おしりとおなかのクリニック</t>
  </si>
  <si>
    <t>小田原市栄町2-7-25 小田原百貨店ビル1Ｆ</t>
  </si>
  <si>
    <t>雨宮　光</t>
  </si>
  <si>
    <t>雨宮内科医院</t>
  </si>
  <si>
    <t>小田原市栄町3-15-20</t>
  </si>
  <si>
    <t>田中 彩</t>
  </si>
  <si>
    <t>田中　翔</t>
  </si>
  <si>
    <t>内科（糖尿病・内分泌）</t>
  </si>
  <si>
    <t>小林　駿</t>
  </si>
  <si>
    <t>マナクリニック</t>
  </si>
  <si>
    <t>小田原市永塚5</t>
  </si>
  <si>
    <t>須田　南美</t>
  </si>
  <si>
    <t>小田原市永塚５</t>
  </si>
  <si>
    <t>須田　民男</t>
  </si>
  <si>
    <t>佐伯　宏三</t>
  </si>
  <si>
    <t>佐伯眼科クリニック</t>
  </si>
  <si>
    <t>小田原市荻窪1772</t>
  </si>
  <si>
    <t>但木　太</t>
  </si>
  <si>
    <t>小田原腎内科クリニック</t>
  </si>
  <si>
    <t>小田原市荻窪318-3</t>
  </si>
  <si>
    <t>内科、人工透析科</t>
  </si>
  <si>
    <t>横山　美藤</t>
  </si>
  <si>
    <t>丹羽病院</t>
  </si>
  <si>
    <t>小田原市荻窪406</t>
  </si>
  <si>
    <t>消化器外科、一般外科</t>
  </si>
  <si>
    <t>宮下　耕一郎</t>
  </si>
  <si>
    <t>北原　優</t>
  </si>
  <si>
    <t>佐藤　由紀</t>
  </si>
  <si>
    <t>かやま駅前眼科</t>
  </si>
  <si>
    <t>小田原市栢山2817-2</t>
  </si>
  <si>
    <t>斉藤　信夫</t>
  </si>
  <si>
    <t>菱木　俊匡</t>
  </si>
  <si>
    <t>菱木医院</t>
  </si>
  <si>
    <t>小田原市栢山2823-4</t>
  </si>
  <si>
    <t>小児科、一般内科、腎臓内科</t>
  </si>
  <si>
    <t>河村　晴信</t>
  </si>
  <si>
    <t>小田原市立病院</t>
  </si>
  <si>
    <t>小田原市久野46</t>
  </si>
  <si>
    <t>丸岡　直隆</t>
  </si>
  <si>
    <t>亀髙　尚</t>
  </si>
  <si>
    <t>吉澤　繁</t>
  </si>
  <si>
    <t>弓削　大</t>
  </si>
  <si>
    <t>桑田　千歳</t>
  </si>
  <si>
    <t>原口　翔太郎</t>
  </si>
  <si>
    <t>佐藤　睦美</t>
  </si>
  <si>
    <t>山脇　將貴</t>
  </si>
  <si>
    <t>寺﨑　雅子</t>
  </si>
  <si>
    <t>小郷 寛史</t>
  </si>
  <si>
    <t>松田　基</t>
  </si>
  <si>
    <t>上杉　昌章</t>
  </si>
  <si>
    <t>上田　絢美</t>
  </si>
  <si>
    <t>深田　忠臣</t>
  </si>
  <si>
    <t>水野　尚</t>
  </si>
  <si>
    <t>成毛　崇</t>
  </si>
  <si>
    <t>清家　和裕</t>
  </si>
  <si>
    <t>清水　翔平</t>
  </si>
  <si>
    <t>西山　邦幸</t>
  </si>
  <si>
    <t>川口　竹男</t>
  </si>
  <si>
    <t>川崎　貴史</t>
  </si>
  <si>
    <t>霜田　直史</t>
  </si>
  <si>
    <t>村山　正和</t>
  </si>
  <si>
    <t>耳鼻咽喉科頭頚部外科</t>
  </si>
  <si>
    <t>池内　哲</t>
  </si>
  <si>
    <t>竹内　文一</t>
  </si>
  <si>
    <t>中村　智子</t>
  </si>
  <si>
    <t>張　秀一</t>
  </si>
  <si>
    <t>田中　義人</t>
  </si>
  <si>
    <t>東谷　浩一</t>
  </si>
  <si>
    <t>藤川　直也</t>
  </si>
  <si>
    <t>徳弘　悦郎</t>
  </si>
  <si>
    <t>副田　圭祐</t>
  </si>
  <si>
    <t>平田　康英</t>
  </si>
  <si>
    <t>牧野　裕庸</t>
  </si>
  <si>
    <t>野寄　浩司</t>
  </si>
  <si>
    <t>鈴木　真理子</t>
  </si>
  <si>
    <t>鈴木　良介</t>
  </si>
  <si>
    <t>國谷　嵩</t>
  </si>
  <si>
    <t>濱野　直人</t>
  </si>
  <si>
    <t>髙木 良介</t>
  </si>
  <si>
    <t>志水 利之</t>
  </si>
  <si>
    <t>武井　和夫</t>
  </si>
  <si>
    <t>武井内科医院</t>
  </si>
  <si>
    <t>小田原市国府津4-3-19</t>
  </si>
  <si>
    <t>小林　博子</t>
  </si>
  <si>
    <t>ひまわりメンタルクリニック</t>
  </si>
  <si>
    <t>小田原市酒匂1414-14-101</t>
  </si>
  <si>
    <t>中島　厚</t>
  </si>
  <si>
    <t>あおぞらクリニック</t>
  </si>
  <si>
    <t>小田原市酒匂2-28-51-1</t>
  </si>
  <si>
    <t>中島　泰子</t>
  </si>
  <si>
    <t>倉上　優一</t>
  </si>
  <si>
    <t>杏林堂クリニック</t>
  </si>
  <si>
    <t>小田原市酒匂3-9-12</t>
  </si>
  <si>
    <t>柳衛　宏宣</t>
  </si>
  <si>
    <t>外科、消化器内科</t>
  </si>
  <si>
    <t>林　芳弘</t>
  </si>
  <si>
    <t>山近紀念総合病院</t>
  </si>
  <si>
    <t>小田原市小八幡3-19-14</t>
  </si>
  <si>
    <t>葛西　勲</t>
  </si>
  <si>
    <t>山近記念総合病院</t>
  </si>
  <si>
    <t>久保田　光博</t>
  </si>
  <si>
    <t>金谷　剛志</t>
  </si>
  <si>
    <t>荒川　幸喜</t>
  </si>
  <si>
    <t>佐藤　誠</t>
  </si>
  <si>
    <t>山近　大輔</t>
  </si>
  <si>
    <t>山崎　明久</t>
  </si>
  <si>
    <t>柴田　將良</t>
  </si>
  <si>
    <t>新井　遊</t>
  </si>
  <si>
    <t>杉田　輝地</t>
  </si>
  <si>
    <t>川村　孝一郎</t>
  </si>
  <si>
    <t>谷内　雅人</t>
  </si>
  <si>
    <t>中川　博之</t>
  </si>
  <si>
    <t>町田　隆志</t>
  </si>
  <si>
    <t>平井　香織</t>
  </si>
  <si>
    <t>新井 順也</t>
  </si>
  <si>
    <t>井上　昌彦</t>
  </si>
  <si>
    <t>井上医院</t>
  </si>
  <si>
    <t>小田原市上新田13-1</t>
  </si>
  <si>
    <t>一寸木　宏和</t>
  </si>
  <si>
    <t>おだわら西口耳鼻科</t>
  </si>
  <si>
    <t>小田原市城山1-4-1　城山タワープラザ206</t>
  </si>
  <si>
    <t>野呂　眞人</t>
  </si>
  <si>
    <t>小田原内科・循環器クリニック</t>
  </si>
  <si>
    <t>小田原市城山1-4-1 城山タワープラザ3Ｆ</t>
  </si>
  <si>
    <t>内科、人工透析内科</t>
  </si>
  <si>
    <t>竹田　崇朗</t>
  </si>
  <si>
    <t>竹田整形外科クリニック</t>
  </si>
  <si>
    <t>小田原市城山1-6-22</t>
  </si>
  <si>
    <t>リウマチ科、整形外科、リハビリ科</t>
  </si>
  <si>
    <t>竹田　誠</t>
  </si>
  <si>
    <t>加藤　雅紀</t>
  </si>
  <si>
    <t>城山クリニック</t>
  </si>
  <si>
    <t>小田原市城山2-3-46 TSビル2Ｆ</t>
  </si>
  <si>
    <t>安藤　浩</t>
  </si>
  <si>
    <t>安藤眼科医院小田原クリニック</t>
  </si>
  <si>
    <t>小田原市成田168-5</t>
  </si>
  <si>
    <t>遠藤　幹也</t>
  </si>
  <si>
    <t>さかわ内科クリニック</t>
  </si>
  <si>
    <t>小田原市西酒匂2-8-43</t>
  </si>
  <si>
    <t>小島　時昭</t>
  </si>
  <si>
    <t>小島クリニック</t>
  </si>
  <si>
    <t>小田原市西酒匂3-4-9</t>
  </si>
  <si>
    <t>鵜山　淳</t>
  </si>
  <si>
    <t>西湘病院</t>
  </si>
  <si>
    <t>小田原市扇町1-16-35</t>
  </si>
  <si>
    <t>原　敬介</t>
  </si>
  <si>
    <t>後藤　忠輝</t>
  </si>
  <si>
    <t>小西　善史</t>
  </si>
  <si>
    <t>清水　有</t>
  </si>
  <si>
    <t>竹内　昌孝</t>
  </si>
  <si>
    <t>猪奥　徹也</t>
  </si>
  <si>
    <t>富永　二郎</t>
  </si>
  <si>
    <t>傳　和眞</t>
  </si>
  <si>
    <t>清水　直樹</t>
  </si>
  <si>
    <t>しみず扇町クリニック</t>
  </si>
  <si>
    <t>小田原市扇町3-13-15-1Ｆ</t>
  </si>
  <si>
    <t>髙見澤　徹</t>
  </si>
  <si>
    <t>髙見澤クリニック</t>
  </si>
  <si>
    <t>小田原市扇町4-7-15</t>
  </si>
  <si>
    <t>渡邊　謙一</t>
  </si>
  <si>
    <t>扇町しらさぎ内科クリニック</t>
  </si>
  <si>
    <t>小田原市扇町5-26-8</t>
  </si>
  <si>
    <t>江副　努</t>
  </si>
  <si>
    <t>曽我病院</t>
  </si>
  <si>
    <t>小田原市曽我岸148</t>
  </si>
  <si>
    <t>早川　典義</t>
  </si>
  <si>
    <t>長谷川　剛</t>
  </si>
  <si>
    <t>富田　さつき</t>
  </si>
  <si>
    <t>富田医院</t>
  </si>
  <si>
    <t>小田原市曽我別所777-6</t>
  </si>
  <si>
    <t>高梨　吉則</t>
  </si>
  <si>
    <t>介護老人保健施設　葵の園・小田原</t>
  </si>
  <si>
    <t>小田原市曽比字前河原1350</t>
  </si>
  <si>
    <t>髙間　拓郎</t>
  </si>
  <si>
    <t>たかまクリニック</t>
  </si>
  <si>
    <t>小田原市中村原734-3</t>
  </si>
  <si>
    <t>福井　慶太郎</t>
  </si>
  <si>
    <t>福井内科消化器科クリニック</t>
  </si>
  <si>
    <t>小田原市中里392-1</t>
  </si>
  <si>
    <t>内科、総合診療科</t>
  </si>
  <si>
    <t>福井　光治郎</t>
  </si>
  <si>
    <t>福井　大治郎</t>
  </si>
  <si>
    <t>弓削　勇</t>
  </si>
  <si>
    <t>ゆげ耳鼻咽喉科</t>
  </si>
  <si>
    <t>小田原市中里72-1</t>
  </si>
  <si>
    <t>五十嵐　三知郎</t>
  </si>
  <si>
    <t>いがらし胃腸科内科クリニック</t>
  </si>
  <si>
    <t>小田原市中里77-1</t>
  </si>
  <si>
    <t>消化器内科、肛門外科</t>
  </si>
  <si>
    <t>佐藤　光一郎</t>
  </si>
  <si>
    <t>鴨宮さとう内科クリニック</t>
  </si>
  <si>
    <t>小田原市南鴨宮2-34-10</t>
  </si>
  <si>
    <t>林　秀雄</t>
  </si>
  <si>
    <t>鴨宮クリニック</t>
  </si>
  <si>
    <t>小田原市南鴨宮3-20-18</t>
  </si>
  <si>
    <t>平原　修一郎</t>
  </si>
  <si>
    <t>平原眼科クリニック</t>
  </si>
  <si>
    <t>小田原市南鴨宮3-44-3</t>
  </si>
  <si>
    <t>平原　敦子</t>
  </si>
  <si>
    <t>南　康平</t>
  </si>
  <si>
    <t>小田原市萩窪406</t>
  </si>
  <si>
    <t>山田　大介</t>
  </si>
  <si>
    <t>山田クリニック</t>
  </si>
  <si>
    <t>小田原市板橋86-3</t>
  </si>
  <si>
    <t>脳神経外科、脳神経内科</t>
  </si>
  <si>
    <t>中山　荘太郎</t>
  </si>
  <si>
    <t>山屋　智康</t>
  </si>
  <si>
    <t>山屋整形外科医院</t>
  </si>
  <si>
    <t>小田原市飯泉804-21</t>
  </si>
  <si>
    <t>吉邑　由佳</t>
  </si>
  <si>
    <t>吉邑ｸﾘﾆｯｸ</t>
  </si>
  <si>
    <t>小田原市飯田岡288</t>
  </si>
  <si>
    <t>遠藤　徳之</t>
  </si>
  <si>
    <t>浜町小児科医院</t>
  </si>
  <si>
    <t>小田原市浜町1-14-3</t>
  </si>
  <si>
    <t>渡辺　義弘</t>
  </si>
  <si>
    <t>渡辺整形外科</t>
  </si>
  <si>
    <t>小田原市浜町1-6-4</t>
  </si>
  <si>
    <t>霜島　正城</t>
  </si>
  <si>
    <t>霜島内科医院</t>
  </si>
  <si>
    <t>小田原市浜町1-9-19</t>
  </si>
  <si>
    <t>阿部　達哉</t>
  </si>
  <si>
    <t>国立病院機構箱根病院</t>
  </si>
  <si>
    <t>小田原市風祭412</t>
  </si>
  <si>
    <t>今井　富裕</t>
  </si>
  <si>
    <t>山内　理香</t>
  </si>
  <si>
    <t>大熊　彩</t>
  </si>
  <si>
    <t>津田　笑子</t>
  </si>
  <si>
    <t>渡辺　大祐</t>
  </si>
  <si>
    <t>北村　美月</t>
  </si>
  <si>
    <t>北尾　るり子</t>
  </si>
  <si>
    <t>木村　俊紀</t>
  </si>
  <si>
    <t>廣瀬　文吾</t>
  </si>
  <si>
    <t>横田　俊一郎</t>
  </si>
  <si>
    <t>横田小児科医院</t>
  </si>
  <si>
    <t>小田原市北ノ窪515-3</t>
  </si>
  <si>
    <t>池田　俊夫</t>
  </si>
  <si>
    <t>かながわ生活協同組合　おだわら診療所</t>
  </si>
  <si>
    <t>小田原市堀之内253-1</t>
  </si>
  <si>
    <t>神山　麻恵</t>
  </si>
  <si>
    <t>生協おだわら診療所</t>
  </si>
  <si>
    <t>小田原市堀之内253-1 茶利富水ビル１F</t>
  </si>
  <si>
    <t>井上　康一</t>
  </si>
  <si>
    <t>小田原中央クリニック</t>
  </si>
  <si>
    <t>小田原市堀之内7-1　中嶋ビル101</t>
  </si>
  <si>
    <t>山下　晋</t>
  </si>
  <si>
    <t>堤　涼介</t>
  </si>
  <si>
    <t>遠藤　智広</t>
  </si>
  <si>
    <t>小澤病院</t>
  </si>
  <si>
    <t>小田原市本町1-1-17</t>
  </si>
  <si>
    <t>荻野　裕</t>
  </si>
  <si>
    <t>貴島　健</t>
  </si>
  <si>
    <t>工藤　雄大</t>
  </si>
  <si>
    <t>根本　哲也</t>
  </si>
  <si>
    <t>笹尾　保</t>
  </si>
  <si>
    <t>手島　隆志</t>
  </si>
  <si>
    <t>小澤　啓子</t>
  </si>
  <si>
    <t>中野　好章</t>
  </si>
  <si>
    <t>内田　尚哉</t>
  </si>
  <si>
    <t>本田　桐</t>
  </si>
  <si>
    <t>木村　道明</t>
  </si>
  <si>
    <t>野村　周平</t>
  </si>
  <si>
    <t>柚木　由浩</t>
  </si>
  <si>
    <t>鈴木　洋行</t>
  </si>
  <si>
    <t>朝野　隆之</t>
  </si>
  <si>
    <t>本多記念青野クリニック</t>
  </si>
  <si>
    <t>小田原市本町1-4-4　三宅本町ビル1F2F</t>
  </si>
  <si>
    <t>川上 翔平</t>
  </si>
  <si>
    <t>間中　信也</t>
  </si>
  <si>
    <t>間中病院</t>
  </si>
  <si>
    <t>小田原市本町4-1-26</t>
  </si>
  <si>
    <t>中村　純子</t>
  </si>
  <si>
    <t>露木　寛之</t>
  </si>
  <si>
    <t>横内　到</t>
  </si>
  <si>
    <t>小田原循環器病院</t>
  </si>
  <si>
    <t>小田原市矢作296-1</t>
  </si>
  <si>
    <t>熊谷　賢太</t>
  </si>
  <si>
    <t>山﨑　健司</t>
  </si>
  <si>
    <t>森末　明子</t>
  </si>
  <si>
    <t>杉　薫</t>
  </si>
  <si>
    <t>田井　怜敏</t>
  </si>
  <si>
    <t>田村　進</t>
  </si>
  <si>
    <t>笠松　由佳</t>
  </si>
  <si>
    <t>小田原矢作クリニック</t>
  </si>
  <si>
    <t>小田原市矢作5-1　矢作ガーデンプラザ1F</t>
  </si>
  <si>
    <t>小澤　優樹</t>
  </si>
  <si>
    <t>螢田診療所</t>
  </si>
  <si>
    <t>小田原市蓮正寺310</t>
  </si>
  <si>
    <t>前田　和彦</t>
  </si>
  <si>
    <t>前田整形外科・内科クリニック</t>
  </si>
  <si>
    <t>茅ヶ崎市</t>
  </si>
  <si>
    <t>茅ヶ崎市ひばりが丘1-10</t>
  </si>
  <si>
    <t>鈴木　知行</t>
  </si>
  <si>
    <t>湘南すずきクリニック</t>
  </si>
  <si>
    <t>茅ヶ崎市ひばりが丘7-10</t>
  </si>
  <si>
    <t>柳田　毅</t>
  </si>
  <si>
    <t>おひさまクリニック湘南</t>
  </si>
  <si>
    <t>茅ヶ崎市みずき4-9-16-1F</t>
  </si>
  <si>
    <t>六倉　俊哉</t>
  </si>
  <si>
    <t>湘南みずき内科クリニック</t>
  </si>
  <si>
    <t>茅ヶ崎市みずき4-9-20</t>
  </si>
  <si>
    <t>藤川　浩</t>
  </si>
  <si>
    <t>藤川整形外科</t>
  </si>
  <si>
    <t>茅ヶ崎市円蔵1-23-13</t>
  </si>
  <si>
    <t>大木　教久</t>
  </si>
  <si>
    <t>大木医院</t>
  </si>
  <si>
    <t>茅ヶ崎市円蔵1-24-32</t>
  </si>
  <si>
    <t>齋藤　和郁葉</t>
  </si>
  <si>
    <t>湘南さくら病院</t>
  </si>
  <si>
    <t>茅ヶ崎市下寺尾1833</t>
  </si>
  <si>
    <t>榎本　由紀子</t>
  </si>
  <si>
    <t>茅ヶ崎中央病院</t>
  </si>
  <si>
    <t>茅ヶ崎市茅ヶ崎2-2-3</t>
  </si>
  <si>
    <t>関口　裕之</t>
  </si>
  <si>
    <t>喜多村　健</t>
  </si>
  <si>
    <t>吉川　麻里</t>
  </si>
  <si>
    <t>佐藤　康弘</t>
  </si>
  <si>
    <t>山西　秀樹</t>
  </si>
  <si>
    <t>内科、外科、人工透析内科　血管外科</t>
  </si>
  <si>
    <t>松本　年弘</t>
  </si>
  <si>
    <t>石田　克紀</t>
  </si>
  <si>
    <t>仙田　由宇子</t>
  </si>
  <si>
    <t>瀧井　孝敏</t>
  </si>
  <si>
    <t>峯川　明</t>
  </si>
  <si>
    <t>木島　朝子</t>
  </si>
  <si>
    <t>緑川　武正</t>
  </si>
  <si>
    <t>蒔田　勝見</t>
  </si>
  <si>
    <t>茅ヶ崎市茅ケ崎2-2-3</t>
  </si>
  <si>
    <t>小林　伸子</t>
  </si>
  <si>
    <t>茅ケ崎中央病院</t>
  </si>
  <si>
    <t>池原　邦彦</t>
  </si>
  <si>
    <t>池原内科クリニック</t>
  </si>
  <si>
    <t>茅ヶ崎市茅ケ崎2-5-30　湘南薬品ビル1F</t>
  </si>
  <si>
    <t>佐藤　貴之</t>
  </si>
  <si>
    <t>ラスカ茅ヶ崎　さとう眼科</t>
  </si>
  <si>
    <t>茅ヶ崎市元町1-1　ラスカ茅ヶ崎6F</t>
  </si>
  <si>
    <t>掛水　夏恵</t>
  </si>
  <si>
    <t>なつ皮ふ科</t>
  </si>
  <si>
    <t>茅ヶ崎市元町16ｰ4</t>
  </si>
  <si>
    <t>大久保　和哉</t>
  </si>
  <si>
    <t>茅ヶ崎駅前・糖尿病甲状腺　おおくぼ内科クリニック</t>
  </si>
  <si>
    <t>茅ヶ崎市元町2-4　今井ビル3F</t>
  </si>
  <si>
    <t>宇都宮　拓治</t>
  </si>
  <si>
    <t>湘南いしぐろクリニック</t>
  </si>
  <si>
    <t>茅ヶ崎市元町2-4　山鉄ビル6F</t>
  </si>
  <si>
    <t>柴田　進</t>
  </si>
  <si>
    <t>石黒　智也</t>
  </si>
  <si>
    <t>茅ヶ崎市元町2-4　山鉄ビル6Ｆ</t>
  </si>
  <si>
    <t>関本 康人</t>
  </si>
  <si>
    <t>医療法人徳洲会茅ヶ崎徳洲会病院</t>
  </si>
  <si>
    <t>茅ヶ崎市幸町14-1</t>
  </si>
  <si>
    <t>岡田　拓也</t>
  </si>
  <si>
    <t>茅ヶ崎徳洲会病院</t>
  </si>
  <si>
    <t>加納　恒久</t>
  </si>
  <si>
    <t>橋本　雅彦</t>
  </si>
  <si>
    <t>甲賀　健史</t>
  </si>
  <si>
    <t>小児科、訪問診療</t>
  </si>
  <si>
    <t>鈴木　泰篤</t>
  </si>
  <si>
    <t>髙橋　和裕</t>
  </si>
  <si>
    <t>山田　正至</t>
  </si>
  <si>
    <t>シーサイド眼科茅ヶ崎</t>
  </si>
  <si>
    <t>茅ヶ崎市幸町2-18　武藤ビル2Ｆ</t>
  </si>
  <si>
    <t>川原　純一</t>
  </si>
  <si>
    <t>川原眼科医院</t>
  </si>
  <si>
    <t>茅ヶ崎市幸町24-1</t>
  </si>
  <si>
    <t>柘植　俊直</t>
  </si>
  <si>
    <t>茅ヶ崎メディカルクリニック</t>
  </si>
  <si>
    <t>茅ヶ崎市幸町5-8 2F</t>
  </si>
  <si>
    <t>吉田　衝未</t>
  </si>
  <si>
    <t>茅ヶ崎セントラルクリニック</t>
  </si>
  <si>
    <t>茅ヶ崎市幸町6-1</t>
  </si>
  <si>
    <t>内科、腎臓内科、透析科</t>
  </si>
  <si>
    <t>荒巻　敏夫</t>
  </si>
  <si>
    <t>あらまき眼科</t>
  </si>
  <si>
    <t>茅ヶ崎市高田5-1-15エスケーメディックビル</t>
  </si>
  <si>
    <t>守屋　俊介</t>
  </si>
  <si>
    <t>湘南キッズクリニック</t>
  </si>
  <si>
    <t>茅ヶ崎市今宿181-1</t>
  </si>
  <si>
    <t>守屋　博子</t>
  </si>
  <si>
    <t>橋本　瑞基</t>
  </si>
  <si>
    <t>はしもと脳神経外科クリニック</t>
  </si>
  <si>
    <t>茅ヶ崎市十間坂1-1-28</t>
  </si>
  <si>
    <t>髙橋　基</t>
  </si>
  <si>
    <t>高橋医院</t>
  </si>
  <si>
    <t>茅ヶ崎市十間坂1-2-16</t>
  </si>
  <si>
    <t>川井　麻友</t>
  </si>
  <si>
    <t>十間坂皮膚科</t>
  </si>
  <si>
    <t>茅ヶ崎市十間坂1-2-25　1F</t>
  </si>
  <si>
    <t>宮﨑　秀健</t>
  </si>
  <si>
    <t>みやさきクリニック</t>
  </si>
  <si>
    <t>茅ヶ崎市小和田1-7-28-2</t>
  </si>
  <si>
    <t>伊藤　崇</t>
  </si>
  <si>
    <t>松が丘内科クリニック</t>
  </si>
  <si>
    <t>茅ヶ崎市松が丘2-8-20</t>
  </si>
  <si>
    <t>原島　康壽</t>
  </si>
  <si>
    <t>湘南中央クリニック</t>
  </si>
  <si>
    <t>茅ヶ崎市松林1-16-52</t>
  </si>
  <si>
    <t>林　浩二</t>
  </si>
  <si>
    <t>内科、外科、訪問診療</t>
  </si>
  <si>
    <t>籠田　豊</t>
  </si>
  <si>
    <t>かごた整形外科クリニック</t>
  </si>
  <si>
    <t>茅ヶ崎市松林2-5-33</t>
  </si>
  <si>
    <t>引野　雅子</t>
  </si>
  <si>
    <t>ひきのクリニック</t>
  </si>
  <si>
    <t>茅ヶ崎市新栄町1-1　山治ビル2F東</t>
  </si>
  <si>
    <t>小川　千草</t>
  </si>
  <si>
    <t>ちぐさ眼科</t>
  </si>
  <si>
    <t>茅ヶ崎市新栄町13-45　鴨志田ビル3Ｆ</t>
  </si>
  <si>
    <t>内山　富士雄</t>
  </si>
  <si>
    <t>内山クリニック</t>
  </si>
  <si>
    <t>茅ヶ崎市新栄町1-4　大黒屋富田ビル3Ｆ</t>
  </si>
  <si>
    <t>林　勉</t>
  </si>
  <si>
    <t>林糖尿病内科クリニック</t>
  </si>
  <si>
    <t>茅ヶ崎市新栄町3-2</t>
  </si>
  <si>
    <t>若林　健司</t>
  </si>
  <si>
    <t>茅ヶ崎わかば内視鏡クリニック</t>
  </si>
  <si>
    <t>茅ヶ崎市新栄町3-2　阿部浅メディカル3Ｆ</t>
  </si>
  <si>
    <t>伊藤　恒</t>
  </si>
  <si>
    <t>湘南東部総合病院</t>
  </si>
  <si>
    <t>茅ヶ崎市西久保500</t>
  </si>
  <si>
    <t>遠藤　太刀男</t>
  </si>
  <si>
    <t>岡本　宗雄</t>
  </si>
  <si>
    <t>岩﨑　正之</t>
  </si>
  <si>
    <t>荒井　勝彦</t>
  </si>
  <si>
    <t>細江　佳子</t>
  </si>
  <si>
    <t>市田　隆文</t>
  </si>
  <si>
    <t>勝野　亮</t>
  </si>
  <si>
    <t>小松　弘一</t>
  </si>
  <si>
    <t>川井　浩平</t>
  </si>
  <si>
    <t>大滝　美希</t>
  </si>
  <si>
    <t>中山　祐次郎</t>
  </si>
  <si>
    <t>藤原　裕介</t>
  </si>
  <si>
    <t>藤野　庄太郎</t>
  </si>
  <si>
    <t>薄葉　文彦</t>
  </si>
  <si>
    <t>福原　昇</t>
  </si>
  <si>
    <t>平野　克治</t>
  </si>
  <si>
    <t>北川　章充</t>
  </si>
  <si>
    <t>茂垣　雅俊</t>
  </si>
  <si>
    <t>櫻井　嘉彦</t>
  </si>
  <si>
    <t>齋木　美恵子</t>
  </si>
  <si>
    <t>小川　考平</t>
  </si>
  <si>
    <t>長岡病院</t>
  </si>
  <si>
    <t>茅ヶ崎市赤羽根3685</t>
  </si>
  <si>
    <t>長岡　健介</t>
  </si>
  <si>
    <t>内科、神経内科、リハビリテーション科</t>
  </si>
  <si>
    <t>長岡　文美</t>
  </si>
  <si>
    <t>白倉　克也</t>
  </si>
  <si>
    <t>茅ヶ崎クリニック</t>
  </si>
  <si>
    <t>茅ヶ崎市東海岸南1-22-1</t>
  </si>
  <si>
    <t>内科、心療内科、消化器内科、内視鏡内科</t>
  </si>
  <si>
    <t>前川　理沙</t>
  </si>
  <si>
    <t>前川クリニック</t>
  </si>
  <si>
    <t>茅ヶ崎市東海岸北2-1-44</t>
  </si>
  <si>
    <t>杉﨑　慶三</t>
  </si>
  <si>
    <t>ちがさき整形外科クリニック</t>
  </si>
  <si>
    <t>茅ヶ崎市東海岸北2-1-52</t>
  </si>
  <si>
    <t>浅井　偉信</t>
  </si>
  <si>
    <t>茅ヶ崎内科と呼吸のクリニック</t>
  </si>
  <si>
    <t>茅ヶ崎市東海岸北2-1-52-1F</t>
  </si>
  <si>
    <t>鈴木　美佐子</t>
  </si>
  <si>
    <t>茅ヶ崎東海岸クリニック</t>
  </si>
  <si>
    <t>茅ヶ崎市東海岸北2-8-6</t>
  </si>
  <si>
    <t>三好　保由</t>
  </si>
  <si>
    <t>湘南茅ヶ崎よろづ診療所</t>
  </si>
  <si>
    <t>茅ヶ崎市東海岸北3-4-36</t>
  </si>
  <si>
    <t>赤沼　真夫</t>
  </si>
  <si>
    <t>愛生会クリニック</t>
  </si>
  <si>
    <t>茅ヶ崎市東海岸北5-10-48</t>
  </si>
  <si>
    <t>内倉　長造</t>
  </si>
  <si>
    <t>内倉整形外科</t>
  </si>
  <si>
    <t>茅ヶ崎市東海岸北5-11-10</t>
  </si>
  <si>
    <t>松下　広興</t>
  </si>
  <si>
    <t>佐久間クリニック</t>
  </si>
  <si>
    <t>茅ヶ崎市南湖2-13-31</t>
  </si>
  <si>
    <t>町田　智幸</t>
  </si>
  <si>
    <t>町田胃腸科外科</t>
  </si>
  <si>
    <t>茅ヶ崎市萩園2305-27</t>
  </si>
  <si>
    <t>山崎　吉以</t>
  </si>
  <si>
    <t>湘南つつじ整形外科</t>
  </si>
  <si>
    <t>茅ヶ崎市萩園2393-3　2Ｆ</t>
  </si>
  <si>
    <t>上原　武晃</t>
  </si>
  <si>
    <t>湘南リウマチ膠原病内科</t>
  </si>
  <si>
    <t>茅ヶ崎市美住町5-４</t>
  </si>
  <si>
    <t>リウマチ膠原病内科</t>
  </si>
  <si>
    <t>丹治　佳菜</t>
  </si>
  <si>
    <t>茅ヶ崎市美住町5-4</t>
  </si>
  <si>
    <t>長又　亮</t>
  </si>
  <si>
    <t>川舩　隆史</t>
  </si>
  <si>
    <t>浜見平診療所</t>
  </si>
  <si>
    <t>茅ヶ崎市浜見平11-1　BRANCHI茅ヶ崎1F</t>
  </si>
  <si>
    <t>二階堂　宏治</t>
  </si>
  <si>
    <t>二階堂整形外科クリニック</t>
  </si>
  <si>
    <t>茅ヶ崎市浜見平3-1　BRANCH茅ヶ崎2</t>
  </si>
  <si>
    <t>山内　毅</t>
  </si>
  <si>
    <t>はまたけ診療所</t>
  </si>
  <si>
    <t>茅ヶ崎市浜竹2-5-24</t>
  </si>
  <si>
    <t>加納　健司</t>
  </si>
  <si>
    <t>加納外科・整形外科医院</t>
  </si>
  <si>
    <t>茅ヶ崎市浜竹3-2-26</t>
  </si>
  <si>
    <t>山口　眞人</t>
  </si>
  <si>
    <t>やまぐちクリニック</t>
  </si>
  <si>
    <t>茅ヶ崎市浜竹3-4-53</t>
  </si>
  <si>
    <t>内科、整形外科、リハビリテーション科、麻酔科、漢方内科</t>
  </si>
  <si>
    <t>小杉　栄二郎</t>
  </si>
  <si>
    <t>小杉クリニック</t>
  </si>
  <si>
    <t>茅ヶ崎市浜之郷952-95</t>
  </si>
  <si>
    <t>内科、糖尿病外来科</t>
  </si>
  <si>
    <t>新家　雄一</t>
  </si>
  <si>
    <t>新家クリニック</t>
  </si>
  <si>
    <t>茅ヶ崎市富士見町11-4</t>
  </si>
  <si>
    <t>山﨑　好喜</t>
  </si>
  <si>
    <t>野村消化器内科</t>
  </si>
  <si>
    <t>茅ヶ崎市富士見町15-1</t>
  </si>
  <si>
    <t>伊藤　浩平</t>
  </si>
  <si>
    <t>茅ヶ崎市立病院</t>
  </si>
  <si>
    <t>茅ヶ崎市本村5-15-1</t>
  </si>
  <si>
    <t>代謝内分泌内科</t>
  </si>
  <si>
    <t>益原　奈美</t>
  </si>
  <si>
    <t>加藤　愛</t>
  </si>
  <si>
    <t>河野　心範</t>
  </si>
  <si>
    <t>宮下　大介</t>
  </si>
  <si>
    <t>内科、代謝内分泌内科</t>
  </si>
  <si>
    <t>近藤　愛</t>
  </si>
  <si>
    <t>栗山　仁</t>
  </si>
  <si>
    <t>古賀　伸太郎</t>
  </si>
  <si>
    <t>後藤　駿吾</t>
  </si>
  <si>
    <t>佐渡　怜子</t>
  </si>
  <si>
    <t>佐藤　高光</t>
  </si>
  <si>
    <t>佐藤　捺未</t>
  </si>
  <si>
    <t>佐藤　忍</t>
  </si>
  <si>
    <t>三浦　隆彦</t>
  </si>
  <si>
    <t>三橋　孝之</t>
  </si>
  <si>
    <t>三上　太郎</t>
  </si>
  <si>
    <t>種子島　智彦</t>
  </si>
  <si>
    <t>酒井　竜一郎</t>
  </si>
  <si>
    <t>小田　洋一郎</t>
  </si>
  <si>
    <t>小林　茉莉子</t>
  </si>
  <si>
    <t>松永　祐己</t>
  </si>
  <si>
    <t>新村　智己</t>
  </si>
  <si>
    <t>須田　昭子</t>
  </si>
  <si>
    <t>須藤　成人</t>
  </si>
  <si>
    <t>増田　真一朗</t>
  </si>
  <si>
    <t>村田　依子</t>
  </si>
  <si>
    <t>丹羽　陽治郎</t>
  </si>
  <si>
    <t>中戸川　知頼</t>
  </si>
  <si>
    <t>長谷部　正紀</t>
  </si>
  <si>
    <t>長尾　明紘</t>
  </si>
  <si>
    <t>塚原　利典</t>
  </si>
  <si>
    <t>田村　祐規</t>
  </si>
  <si>
    <t>田村　遥</t>
  </si>
  <si>
    <t>田中　覚</t>
  </si>
  <si>
    <t>田中　恭子</t>
  </si>
  <si>
    <t>渡邉　俊幸</t>
  </si>
  <si>
    <t>藤浪　潔</t>
  </si>
  <si>
    <t>内田　苗利</t>
  </si>
  <si>
    <t>福山　宏</t>
  </si>
  <si>
    <t>平馬　暢之</t>
  </si>
  <si>
    <t>北村　智恵子</t>
  </si>
  <si>
    <t>堀江　豪</t>
  </si>
  <si>
    <t>矢野　実裕子</t>
  </si>
  <si>
    <t>井上　雄一郎</t>
  </si>
  <si>
    <t>井上内科クリニック</t>
  </si>
  <si>
    <t>茅ヶ崎市矢畑725-1</t>
  </si>
  <si>
    <t>山本　英永</t>
  </si>
  <si>
    <t>茅ヶ崎耳鼻咽喉科クリニック</t>
  </si>
  <si>
    <t>河又　寛</t>
  </si>
  <si>
    <t>間中胃腸内科外科</t>
  </si>
  <si>
    <t>逗子市</t>
  </si>
  <si>
    <t>逗子市久木4-12-15</t>
  </si>
  <si>
    <t>内科、外科、胃腸内科、内視鏡内科</t>
  </si>
  <si>
    <t>姜　鍾泰</t>
  </si>
  <si>
    <t>かんクリニック　リウマチ・整形外科</t>
  </si>
  <si>
    <t>逗子市久木4-2-5　ZEROビル　1F・2F・3F</t>
  </si>
  <si>
    <t>磯見　卓</t>
  </si>
  <si>
    <t>磯見整形外科医院</t>
  </si>
  <si>
    <t>逗子市久木8-20-17</t>
  </si>
  <si>
    <t>尾鼻　孝滋</t>
  </si>
  <si>
    <t>おばなファミリークリニック</t>
  </si>
  <si>
    <t>逗子市久木8-9-19</t>
  </si>
  <si>
    <t>内科、小児科、呼吸器内科</t>
  </si>
  <si>
    <t>内田　賢一</t>
  </si>
  <si>
    <t>さくら在宅クリニック</t>
  </si>
  <si>
    <t>逗子市桜山2-2-54</t>
  </si>
  <si>
    <t>福留　裕一郎</t>
  </si>
  <si>
    <t>逗子桜山クリニック</t>
  </si>
  <si>
    <t>逗子市桜山3-10-23</t>
  </si>
  <si>
    <t>小上馬　詩子</t>
  </si>
  <si>
    <t>山本メディカルセンター</t>
  </si>
  <si>
    <t>逗子市桜山3-16-1</t>
  </si>
  <si>
    <t>福本　瞳</t>
  </si>
  <si>
    <t>齋藤　真理子</t>
  </si>
  <si>
    <t>形成外科、皮膚科</t>
  </si>
  <si>
    <t>三科　孝夫</t>
  </si>
  <si>
    <t>逗葉内科クリニック</t>
  </si>
  <si>
    <t>逗子市桜山6-1-23</t>
  </si>
  <si>
    <t>青木病院</t>
  </si>
  <si>
    <t>逗子市桜山6-1336</t>
  </si>
  <si>
    <t>角野　隆信</t>
  </si>
  <si>
    <t>金澤　秀人</t>
  </si>
  <si>
    <t>神経内科、総合内科</t>
  </si>
  <si>
    <t>大木　繁男</t>
  </si>
  <si>
    <t>矢尾　正祐</t>
  </si>
  <si>
    <t>秋間　崇</t>
  </si>
  <si>
    <t>秋間医院</t>
  </si>
  <si>
    <t>逗子市桜山8-5-13</t>
  </si>
  <si>
    <t>秋間　禮二</t>
  </si>
  <si>
    <t>岡崎　敦</t>
  </si>
  <si>
    <t>逗子駅前整形外科</t>
  </si>
  <si>
    <t>逗子市山の根1-2-19</t>
  </si>
  <si>
    <t>河野　孝志</t>
  </si>
  <si>
    <t>たかしクリニック</t>
  </si>
  <si>
    <t>逗子市山の根1-2-19　ラ・メール・ブルー逗子102</t>
  </si>
  <si>
    <t>春成　伸之</t>
  </si>
  <si>
    <t>湘南記念小坪クリニック</t>
  </si>
  <si>
    <t>逗子市小坪3-2-1</t>
  </si>
  <si>
    <t>内科、形成外科</t>
  </si>
  <si>
    <t>田嶋　博雄</t>
  </si>
  <si>
    <t>紙谷　裕昭</t>
  </si>
  <si>
    <t>かみたに整形外科ペインクリニック</t>
  </si>
  <si>
    <t>逗子市沼間1-8-6</t>
  </si>
  <si>
    <t>池上　厚</t>
  </si>
  <si>
    <t>東逗子医院</t>
  </si>
  <si>
    <t>逗子市沼間2-10-29</t>
  </si>
  <si>
    <t>池上 充</t>
  </si>
  <si>
    <t>宮坂　康之</t>
  </si>
  <si>
    <t>東逗子整形外科クリニック</t>
  </si>
  <si>
    <t>逗子市沼間3-8-15</t>
  </si>
  <si>
    <t>木村　憲幸</t>
  </si>
  <si>
    <t>あい逗子クリニック</t>
  </si>
  <si>
    <t>逗子市沼間5-1-15</t>
  </si>
  <si>
    <t>天野　薫子</t>
  </si>
  <si>
    <t>天野皮膚科医院</t>
  </si>
  <si>
    <t>逗子市逗子1-11-1</t>
  </si>
  <si>
    <t>天野　隆文</t>
  </si>
  <si>
    <t>脊山　英徳</t>
  </si>
  <si>
    <t>逗子脳神経外科クリニック</t>
  </si>
  <si>
    <t>逗子市逗子1-11-23-1F</t>
  </si>
  <si>
    <t>末盛　康子</t>
  </si>
  <si>
    <t>なぎさ眼科</t>
  </si>
  <si>
    <t>逗子市逗子1-2-15　サニグレイス逗子2Ｆ</t>
  </si>
  <si>
    <t>橋本　賢了</t>
  </si>
  <si>
    <t>銀座通り眼科</t>
  </si>
  <si>
    <t>逗子市逗子1-6-3-2Ｆ</t>
  </si>
  <si>
    <t>野口　芳一</t>
  </si>
  <si>
    <t>逗子銀座通りクリニック</t>
  </si>
  <si>
    <t>逗子市逗子1-7-3　百丹ビル2Ｆ</t>
  </si>
  <si>
    <t>小川　祐二</t>
  </si>
  <si>
    <t>逗葉小磯診療所</t>
  </si>
  <si>
    <t>逗子市逗子2-5-2 1F</t>
  </si>
  <si>
    <t>澤田　正則</t>
  </si>
  <si>
    <t>さわだ内科・消化器内科</t>
  </si>
  <si>
    <t>逗子市逗子2-5-25　DENKビル2F</t>
  </si>
  <si>
    <t>西本　邦弘</t>
  </si>
  <si>
    <t>西本整形外科</t>
  </si>
  <si>
    <t>逗子市逗子2-5-25-501 ＤＥＮＫビル5F</t>
  </si>
  <si>
    <t>谷　祐至</t>
  </si>
  <si>
    <t>逗子金沢内科クリニック</t>
  </si>
  <si>
    <t>逗子市逗子2-6-26</t>
  </si>
  <si>
    <t>若林　龍子</t>
  </si>
  <si>
    <t>若林クリニック</t>
  </si>
  <si>
    <t>逗子市逗子5-11-3</t>
  </si>
  <si>
    <t>三壁　敏雄</t>
  </si>
  <si>
    <t>みかべ脳神経外科クリニック</t>
  </si>
  <si>
    <t>逗子市逗子5-14-8</t>
  </si>
  <si>
    <t>伊藤　恭</t>
  </si>
  <si>
    <t>逗子整形外科・内科医院</t>
  </si>
  <si>
    <t>逗子市逗子5-5-5</t>
  </si>
  <si>
    <t>有本　あこ</t>
  </si>
  <si>
    <t>逗子ありもと眼科</t>
  </si>
  <si>
    <t>逗子市逗子7-1-54　Zushi71CLビル2F</t>
  </si>
  <si>
    <t>藤松　孝旨</t>
  </si>
  <si>
    <t>ふじまつ内科・呼吸クリニック</t>
  </si>
  <si>
    <t>逗子市逗子7-1-54　Zushi71CLビル5F</t>
  </si>
  <si>
    <t>兒玉　康史</t>
  </si>
  <si>
    <t>こだまクリニック</t>
  </si>
  <si>
    <t>三浦市</t>
  </si>
  <si>
    <t>三浦市三崎町小網代1543-1</t>
  </si>
  <si>
    <t>兒玉　末</t>
  </si>
  <si>
    <t>井上　哲兵</t>
  </si>
  <si>
    <t>三浦メディカルクリニック</t>
  </si>
  <si>
    <t>三浦市初声町下宮田5-16</t>
  </si>
  <si>
    <t>小倉　盛崇</t>
  </si>
  <si>
    <t>福井記念病院</t>
  </si>
  <si>
    <t>三浦市初声町高円坊1040-2</t>
  </si>
  <si>
    <t>清水　優</t>
  </si>
  <si>
    <t>西﨑　純</t>
  </si>
  <si>
    <t>福田　春樹</t>
  </si>
  <si>
    <t>北川　年一</t>
  </si>
  <si>
    <t>矢島　眞文</t>
  </si>
  <si>
    <t>矢島内科医院</t>
  </si>
  <si>
    <t>三浦市天神町9-16</t>
  </si>
  <si>
    <t>飯島　康司</t>
  </si>
  <si>
    <t>飯島医院</t>
  </si>
  <si>
    <t>三浦市東岡町10-1</t>
  </si>
  <si>
    <t>瀧端　正博</t>
  </si>
  <si>
    <t>三浦中央医院</t>
  </si>
  <si>
    <t>三浦市南下浦町上宮田1738-1</t>
  </si>
  <si>
    <t>内科、糖尿病内科、内分泌代謝内科</t>
  </si>
  <si>
    <t>徳山　道生</t>
  </si>
  <si>
    <t>徳山診療所</t>
  </si>
  <si>
    <t>三浦市南下浦町上宮田2785-1</t>
  </si>
  <si>
    <t>齋田　洋子</t>
  </si>
  <si>
    <t>斉田皮フ科</t>
  </si>
  <si>
    <t>三浦市南下浦町上宮田3125-1</t>
  </si>
  <si>
    <t>石田　良太</t>
  </si>
  <si>
    <t>石田整形外科クリニック</t>
  </si>
  <si>
    <t>三浦市南下浦町上宮田3257-5</t>
  </si>
  <si>
    <t>櫻井　則子</t>
  </si>
  <si>
    <t>桜井眼科医院</t>
  </si>
  <si>
    <t>三浦市南下浦町上宮田3291-3</t>
  </si>
  <si>
    <t>小嶋　啓史</t>
  </si>
  <si>
    <t>三浦シーサイドクリニック</t>
  </si>
  <si>
    <t>三浦市南下浦町上宮田3384-1</t>
  </si>
  <si>
    <t>桑畑　典広</t>
  </si>
  <si>
    <t>三浦市立病院</t>
  </si>
  <si>
    <t>三浦市岬陽町4-33</t>
  </si>
  <si>
    <t>山﨑　洋平</t>
  </si>
  <si>
    <t>藤富　枝里子</t>
  </si>
  <si>
    <t>望月　至</t>
  </si>
  <si>
    <t>堀口　元</t>
  </si>
  <si>
    <t>木谷　勇一</t>
  </si>
  <si>
    <t>和田　博雄</t>
  </si>
  <si>
    <t>齊藤　真</t>
  </si>
  <si>
    <t>杉本　絵理</t>
  </si>
  <si>
    <t>秦野中央眼科</t>
  </si>
  <si>
    <t>秦野市</t>
  </si>
  <si>
    <t>秦野市栄町5-23</t>
  </si>
  <si>
    <t>鈴木　弘治</t>
  </si>
  <si>
    <t>鈴木クリニック</t>
  </si>
  <si>
    <t>秦野市曲松1-4-39　やまゆりビル2F</t>
  </si>
  <si>
    <t>川口　未央</t>
  </si>
  <si>
    <t>川口医院</t>
  </si>
  <si>
    <t>秦野市幸町4-4</t>
  </si>
  <si>
    <t>大谷 洋揮</t>
  </si>
  <si>
    <t>秦野駅前眼科</t>
  </si>
  <si>
    <t>秦野市今川町1-2　ポレスター秦野駅前202</t>
  </si>
  <si>
    <t>上岡　康雄</t>
  </si>
  <si>
    <t>上岡眼科医院</t>
  </si>
  <si>
    <t>秦野市今川町4-14</t>
  </si>
  <si>
    <t>山口　康夫</t>
  </si>
  <si>
    <t>山口内科循環器科</t>
  </si>
  <si>
    <t>秦野市今泉360-1 6街区2画地</t>
  </si>
  <si>
    <t>山口　隆志</t>
  </si>
  <si>
    <t>秦野市今泉360-1 6街区2番地</t>
  </si>
  <si>
    <t>坂本　昭仁</t>
  </si>
  <si>
    <t>みくるべ病院</t>
  </si>
  <si>
    <t>秦野市三廻部948</t>
  </si>
  <si>
    <t>山﨑　正志</t>
  </si>
  <si>
    <t>秦野寿町クリニック</t>
  </si>
  <si>
    <t>秦野市寿町4-16　ドクターズプラザ秦野4F</t>
  </si>
  <si>
    <t>内藤　剛彦</t>
  </si>
  <si>
    <t>内藤医院</t>
  </si>
  <si>
    <t>秦野市寿町8-5</t>
  </si>
  <si>
    <t>海平　淳一</t>
  </si>
  <si>
    <t>あおば眼科</t>
  </si>
  <si>
    <t>秦野市渋沢1230-3</t>
  </si>
  <si>
    <t>小池　潤</t>
  </si>
  <si>
    <t>こいけクリニック</t>
  </si>
  <si>
    <t>秦野市大秦町2-16　2F</t>
  </si>
  <si>
    <t>原　芳紀</t>
  </si>
  <si>
    <t>はだの腎泌尿器科クリニック</t>
  </si>
  <si>
    <t>石垣　玲子</t>
  </si>
  <si>
    <t>石垣クリニック</t>
  </si>
  <si>
    <t>秦野市鶴巻1696-1</t>
  </si>
  <si>
    <t>正山　泰</t>
  </si>
  <si>
    <t>正山内科クリニック</t>
  </si>
  <si>
    <t>秦野市鶴巻北1-1-5　産興鶴巻ビル202</t>
  </si>
  <si>
    <t>伊藤　博明</t>
  </si>
  <si>
    <t>鶴巻温泉病院</t>
  </si>
  <si>
    <t>秦野市鶴巻北1-16-1</t>
  </si>
  <si>
    <t>掛水　信将</t>
  </si>
  <si>
    <t>荒巻　晴道</t>
  </si>
  <si>
    <t>秋山　克徳</t>
  </si>
  <si>
    <t>小澤　哲二</t>
  </si>
  <si>
    <t>清水　学</t>
  </si>
  <si>
    <t>中村　聖悟</t>
  </si>
  <si>
    <t>中島　雅士</t>
  </si>
  <si>
    <t>福田　博之</t>
  </si>
  <si>
    <t>由比　瑞穂</t>
  </si>
  <si>
    <t>蓮江　健一郎</t>
  </si>
  <si>
    <t>丸山　博志</t>
  </si>
  <si>
    <t>丸山クリニック</t>
  </si>
  <si>
    <t>秦野市鶴巻北2-2-25-2F</t>
  </si>
  <si>
    <t>小川　裕</t>
  </si>
  <si>
    <t>秦野メディカルクリニック</t>
  </si>
  <si>
    <t>秦野市南が丘4-4-1　サンシティ神奈川内</t>
  </si>
  <si>
    <t>谷亀　光則</t>
  </si>
  <si>
    <t>望星大根クリニック</t>
  </si>
  <si>
    <t>秦野市南矢名1-11-28</t>
  </si>
  <si>
    <t>小林　綾子</t>
  </si>
  <si>
    <t>こばやし眼科クリニック</t>
  </si>
  <si>
    <t>秦野市南矢名1-14-34　第３東海パッセージ２F</t>
  </si>
  <si>
    <t>加藤　洋隆</t>
  </si>
  <si>
    <t>かとう内科クリニック</t>
  </si>
  <si>
    <t>秦野市南矢名1-15-3</t>
  </si>
  <si>
    <t>村松　茂</t>
  </si>
  <si>
    <t>村松内科・胃腸クリニック</t>
  </si>
  <si>
    <t>秦野市南矢名1-3-8　武田ビル２F</t>
  </si>
  <si>
    <t>内科、胃腸科</t>
  </si>
  <si>
    <t>笹尾　玄</t>
  </si>
  <si>
    <t>笹尾内科</t>
  </si>
  <si>
    <t>秦野市南矢名698-5</t>
  </si>
  <si>
    <t>宮内　雅晃</t>
  </si>
  <si>
    <t>みやうち内科糖尿病クリニック</t>
  </si>
  <si>
    <t>秦野市尾尻482-1　メディカルフォート秦野南</t>
  </si>
  <si>
    <t>小松　親義</t>
  </si>
  <si>
    <t>小松循環器科・内科</t>
  </si>
  <si>
    <t>秦野市尾尻931-7　けやきビル2F</t>
  </si>
  <si>
    <t>稲田　良宜</t>
  </si>
  <si>
    <t>駅前神経内科</t>
  </si>
  <si>
    <t>秦野市尾尻931-7　けやきビル4Ｆ</t>
  </si>
  <si>
    <t>精神科、脳神経外科、脳神経内科</t>
  </si>
  <si>
    <t>古木　隆元</t>
  </si>
  <si>
    <t>秦野駅南口診療所</t>
  </si>
  <si>
    <t>秦野市尾尻940-5　ハイブリッジⅡ　2F</t>
  </si>
  <si>
    <t>関野　高弘</t>
  </si>
  <si>
    <t>関野小児科内科クリニック</t>
  </si>
  <si>
    <t>秦野市尾尻942-9</t>
  </si>
  <si>
    <t>金井　厳太</t>
  </si>
  <si>
    <t>秦野南口クリニック</t>
  </si>
  <si>
    <t>秦野市尾尻943-10　秦野TKビル1F</t>
  </si>
  <si>
    <t>内科、腎臓内科（透析）</t>
  </si>
  <si>
    <t>小倉　裕幸</t>
  </si>
  <si>
    <t>秦野市尾尻943-10　秦野ＴＫビル1F</t>
  </si>
  <si>
    <t>浅川　友美</t>
  </si>
  <si>
    <t>はだの在宅クリニック</t>
  </si>
  <si>
    <t>秦野市富士見町2-55</t>
  </si>
  <si>
    <t>島村　秀樹</t>
  </si>
  <si>
    <t>玉置　正勝</t>
  </si>
  <si>
    <t>渋沢内科クリニック</t>
  </si>
  <si>
    <t>秦野市堀西22-1</t>
  </si>
  <si>
    <t>土井　麻依</t>
  </si>
  <si>
    <t>尾﨑　友美</t>
  </si>
  <si>
    <t>松浦　瑞惠</t>
  </si>
  <si>
    <t>いいぬまクリニック</t>
  </si>
  <si>
    <t>秦野市堀川175-4</t>
  </si>
  <si>
    <t>灰田　宗孝</t>
  </si>
  <si>
    <t>八木病院</t>
  </si>
  <si>
    <t>秦野市本町1-3-1</t>
  </si>
  <si>
    <t>森田　純一</t>
  </si>
  <si>
    <t>森田医院</t>
  </si>
  <si>
    <t>秦野市弥生町5-11</t>
  </si>
  <si>
    <t>田宮　紫穂</t>
  </si>
  <si>
    <t>渋沢の田宮皮膚科</t>
  </si>
  <si>
    <t>秦野市柳町1-22-5　栗原第1ビル1F</t>
  </si>
  <si>
    <t>熊澤　竜哉</t>
  </si>
  <si>
    <t>くまざわ脳神経・内科クリニック</t>
  </si>
  <si>
    <t>秦野市柳町1-9-22　大新ビル１F</t>
  </si>
  <si>
    <t>大久保　治修</t>
  </si>
  <si>
    <t>大久保整形外科</t>
  </si>
  <si>
    <t>秦野市落合334</t>
  </si>
  <si>
    <t>伊藤　直香</t>
  </si>
  <si>
    <t>国立病院機構　神奈川病院</t>
  </si>
  <si>
    <t>秦野市落合666-1</t>
  </si>
  <si>
    <t>河合　治</t>
  </si>
  <si>
    <t>後町　成輔</t>
  </si>
  <si>
    <t>荒木　規仁</t>
  </si>
  <si>
    <t>呼吸器科</t>
  </si>
  <si>
    <t>山本　宗宏</t>
  </si>
  <si>
    <t>杉浦　八十生</t>
  </si>
  <si>
    <t>石井　徹仁</t>
  </si>
  <si>
    <t>大久保　泰之</t>
  </si>
  <si>
    <t>中村　守男</t>
  </si>
  <si>
    <t>田中　阿利人</t>
  </si>
  <si>
    <t>渡邊　博子</t>
  </si>
  <si>
    <t>布施川　久惠</t>
  </si>
  <si>
    <t>鈴木　俊之</t>
  </si>
  <si>
    <t>齋藤　良一</t>
  </si>
  <si>
    <t>萬木　暁美</t>
  </si>
  <si>
    <t>萬木　晋</t>
  </si>
  <si>
    <t>伊藤　竜太</t>
  </si>
  <si>
    <t>秦野赤十字病院</t>
  </si>
  <si>
    <t>秦野市立野台1-1</t>
  </si>
  <si>
    <t>海野　俊徳</t>
  </si>
  <si>
    <t>金城 永俊</t>
  </si>
  <si>
    <t>三浦　雄輝</t>
  </si>
  <si>
    <t>小池　秀樹</t>
  </si>
  <si>
    <t>松山　大輔</t>
  </si>
  <si>
    <t>西本　寛志</t>
  </si>
  <si>
    <t>滝澤　大智</t>
  </si>
  <si>
    <t>瀧沢　利一</t>
  </si>
  <si>
    <t>谷川　明代</t>
  </si>
  <si>
    <t>池田　彰彦</t>
  </si>
  <si>
    <t>田中　克明</t>
  </si>
  <si>
    <t>兵頭　裕美</t>
  </si>
  <si>
    <t>明神　和紀</t>
  </si>
  <si>
    <t>澤田　玲民</t>
  </si>
  <si>
    <t>團　謙治</t>
  </si>
  <si>
    <t>鈴張町クリニック</t>
  </si>
  <si>
    <t>秦野市鈴張町7-4</t>
  </si>
  <si>
    <t>鈴木　大輔</t>
  </si>
  <si>
    <t>すずき糖尿病内科クリニック</t>
  </si>
  <si>
    <t>厚木市</t>
  </si>
  <si>
    <t>厚木市愛甲1-3-24　エランドール2F</t>
  </si>
  <si>
    <t>石井　崇平</t>
  </si>
  <si>
    <t>石井耳鼻咽喉科医院</t>
  </si>
  <si>
    <t>厚木市愛名972-5</t>
  </si>
  <si>
    <t>新井　英二</t>
  </si>
  <si>
    <t>ほんあつ胃腸科・内科クリニック</t>
  </si>
  <si>
    <t>厚木市旭町1-25-1　本厚木ミハラス2Ｆ　203-2区画</t>
  </si>
  <si>
    <t>消化器内科、肝臓内科、内視鏡内科</t>
  </si>
  <si>
    <t>伊東　建</t>
  </si>
  <si>
    <t>塩塚小児科</t>
  </si>
  <si>
    <t>厚木市旭町2-12-15</t>
  </si>
  <si>
    <t>緒方　雅郎</t>
  </si>
  <si>
    <t>本厚木診療室　眼科</t>
  </si>
  <si>
    <t>厚木市旭町3-1-2-2F</t>
  </si>
  <si>
    <t>大畑　恵之</t>
  </si>
  <si>
    <t>本厚木在宅クリニック</t>
  </si>
  <si>
    <t>厚木市旭町3-14-3　AVAIL本厚木1-A</t>
  </si>
  <si>
    <t>早川　宏</t>
  </si>
  <si>
    <t>厚木東クリニック</t>
  </si>
  <si>
    <t>厚木市旭町3-8-19</t>
  </si>
  <si>
    <t>神吉　利典</t>
  </si>
  <si>
    <t>かんきクリニック</t>
  </si>
  <si>
    <t>厚木市旭町5-35-15　エスポワールNOUJYOU 101</t>
  </si>
  <si>
    <t>笹生　正人</t>
  </si>
  <si>
    <t>笹生循環器クリニック</t>
  </si>
  <si>
    <t>厚木市旭町5-47-1</t>
  </si>
  <si>
    <t>心臓血管外科、循環器内科</t>
  </si>
  <si>
    <t>三宅　彰</t>
  </si>
  <si>
    <t>三宅眼科医院</t>
  </si>
  <si>
    <t>厚木市栄町1-13-20</t>
  </si>
  <si>
    <t>三宅　正敬</t>
  </si>
  <si>
    <t>田村　博之</t>
  </si>
  <si>
    <t>とうめい栄町クリニック</t>
  </si>
  <si>
    <t>厚木市栄町2-3-13　パークベア本厚木1F・2F</t>
  </si>
  <si>
    <t>服部　すみれ</t>
  </si>
  <si>
    <t>ゆずの実クリニック</t>
  </si>
  <si>
    <t>厚木市岡田4-20-13</t>
  </si>
  <si>
    <t>秋田　ゆかり</t>
  </si>
  <si>
    <t>ニケクリニック</t>
  </si>
  <si>
    <t>厚木市恩名1-6-68</t>
  </si>
  <si>
    <t>新藤　正</t>
  </si>
  <si>
    <t>瀧　佳子</t>
  </si>
  <si>
    <t>老山　大輔</t>
  </si>
  <si>
    <t>光ヶ丘医院</t>
  </si>
  <si>
    <t>厚木市恩名2-23-26</t>
  </si>
  <si>
    <t>片山　文彦</t>
  </si>
  <si>
    <t>小児科内科　落合医院</t>
  </si>
  <si>
    <t>厚木市温水1016</t>
  </si>
  <si>
    <t>黒木　則光</t>
  </si>
  <si>
    <t>湘南厚木病院</t>
  </si>
  <si>
    <t>厚木市温水118-1</t>
  </si>
  <si>
    <t>榊　健司朗</t>
  </si>
  <si>
    <t>寺島　孝弘</t>
  </si>
  <si>
    <t>守矢　英和</t>
  </si>
  <si>
    <t>総合内科、腎臓内科</t>
  </si>
  <si>
    <t>長田　真二</t>
  </si>
  <si>
    <t>畑下　鎭男</t>
  </si>
  <si>
    <t>湊原　一哉</t>
  </si>
  <si>
    <t>柳原　聡</t>
  </si>
  <si>
    <t>継　淳</t>
  </si>
  <si>
    <t>つぐ脳神経外科・頭痛クリニック</t>
  </si>
  <si>
    <t>厚木市温水西1-13-27</t>
  </si>
  <si>
    <t>太田　和年</t>
  </si>
  <si>
    <t>荻野クリニック</t>
  </si>
  <si>
    <t>厚木市下荻野1101-1</t>
  </si>
  <si>
    <t>日髙　充</t>
  </si>
  <si>
    <t>ひだかクリニック</t>
  </si>
  <si>
    <t>厚木市下荻野1212-1</t>
  </si>
  <si>
    <t>寺門　靖太郎</t>
  </si>
  <si>
    <t>神奈川中央病院</t>
  </si>
  <si>
    <t>厚木市関口812-5</t>
  </si>
  <si>
    <t>能登　雅明</t>
  </si>
  <si>
    <t>田島　雄介</t>
  </si>
  <si>
    <t>田島外科</t>
  </si>
  <si>
    <t>厚木市及川1-12-15</t>
  </si>
  <si>
    <t>中野　敦史</t>
  </si>
  <si>
    <t>とうめい宮の里クリニック</t>
  </si>
  <si>
    <t>厚木市宮の里1-2-9</t>
  </si>
  <si>
    <t>戸枝　弘之</t>
  </si>
  <si>
    <t>トレリス内科クリニック</t>
  </si>
  <si>
    <t>厚木市戸室5-31-1</t>
  </si>
  <si>
    <t>遠藤　貴士</t>
  </si>
  <si>
    <t>えんどう耳鼻咽喉科</t>
  </si>
  <si>
    <t>厚木市妻田西3-13-27</t>
  </si>
  <si>
    <t>鈴木　雅人</t>
  </si>
  <si>
    <t>妻田内科クリニック</t>
  </si>
  <si>
    <t>厚木市妻田西3-17-8</t>
  </si>
  <si>
    <t>寒河江　三太郎</t>
  </si>
  <si>
    <t>厚木消化器内科クリニック</t>
  </si>
  <si>
    <t>厚木市妻田南1-16-36　1Ｆ</t>
  </si>
  <si>
    <t>根本　悦夫</t>
  </si>
  <si>
    <t>AOI七沢リハビリテーション病院</t>
  </si>
  <si>
    <t>厚木市七沢1304</t>
  </si>
  <si>
    <t>中村　聡</t>
  </si>
  <si>
    <t>石渡　義和</t>
  </si>
  <si>
    <t>七沢リハビリテーション病院</t>
  </si>
  <si>
    <t>安西　里恵</t>
  </si>
  <si>
    <t>神奈川リハビリテーション病院</t>
  </si>
  <si>
    <t>厚木市七沢516</t>
  </si>
  <si>
    <t>横山　修</t>
  </si>
  <si>
    <t>吉橋　学</t>
  </si>
  <si>
    <t>久保　寛之</t>
  </si>
  <si>
    <t>栗原　まな</t>
  </si>
  <si>
    <t>戸野塚　久絋</t>
  </si>
  <si>
    <t>糠澤　達志</t>
  </si>
  <si>
    <t>高橋　隆</t>
  </si>
  <si>
    <t>佐藤　龍一</t>
  </si>
  <si>
    <t>佐保田　珠弥</t>
  </si>
  <si>
    <t>三浦　英一朗</t>
  </si>
  <si>
    <t>山上　大亮</t>
  </si>
  <si>
    <t>市川　和志</t>
  </si>
  <si>
    <t>小山　泰</t>
  </si>
  <si>
    <t>小野　航暉</t>
  </si>
  <si>
    <t>森信　哲</t>
  </si>
  <si>
    <t>杉山　肇</t>
  </si>
  <si>
    <t>青木　重陽</t>
  </si>
  <si>
    <t>瀧澤　俊也</t>
  </si>
  <si>
    <t>田中　大輔</t>
  </si>
  <si>
    <t>富田　英正</t>
  </si>
  <si>
    <t>鈴木　光一</t>
  </si>
  <si>
    <t>鈴木　孝尚</t>
  </si>
  <si>
    <t>鈴木　康夫</t>
  </si>
  <si>
    <t>栁下　美登里</t>
  </si>
  <si>
    <t>髙内　裕史</t>
  </si>
  <si>
    <t>伊東　千絵</t>
  </si>
  <si>
    <t>厚木佐藤病院</t>
  </si>
  <si>
    <t>厚木市小野759</t>
  </si>
  <si>
    <t>佐藤　一守</t>
  </si>
  <si>
    <t>佐藤　史朋</t>
  </si>
  <si>
    <t>内科、外科、呼吸器外科、呼吸器内科</t>
  </si>
  <si>
    <t>森内　まき子</t>
  </si>
  <si>
    <t>尾形　真奈美</t>
  </si>
  <si>
    <t>徳川　友彦</t>
  </si>
  <si>
    <t>徳川ファミリークリニック</t>
  </si>
  <si>
    <t>厚木市上依知3002</t>
  </si>
  <si>
    <t>小坂 淳</t>
  </si>
  <si>
    <t>相州病院</t>
  </si>
  <si>
    <t>厚木市上荻野1682-3</t>
  </si>
  <si>
    <t>德武　巌</t>
  </si>
  <si>
    <t>徳武クリニック</t>
  </si>
  <si>
    <t>厚木市森の里1-35-1</t>
  </si>
  <si>
    <t>宮﨑　誠司</t>
  </si>
  <si>
    <t>亀田森の里病院</t>
  </si>
  <si>
    <t>厚木市森の里3-1-1</t>
  </si>
  <si>
    <t>高木　敦司</t>
  </si>
  <si>
    <t>小澤　康正</t>
  </si>
  <si>
    <t>大林　拓真</t>
  </si>
  <si>
    <t>貞廣　莊太郎</t>
  </si>
  <si>
    <t>安藤　理孝</t>
  </si>
  <si>
    <t>厚木市立病院</t>
  </si>
  <si>
    <t>厚木市水引1-16-36</t>
  </si>
  <si>
    <t>伊室　貴</t>
  </si>
  <si>
    <t>伊藤　晶彦</t>
  </si>
  <si>
    <t>伊藤　亮</t>
  </si>
  <si>
    <t>加藤　順一郎</t>
  </si>
  <si>
    <t>岩久　章</t>
  </si>
  <si>
    <t>岩本　侑也</t>
  </si>
  <si>
    <t>山田　祐揮</t>
  </si>
  <si>
    <t>寺尾　亨</t>
  </si>
  <si>
    <t>小此木　英男</t>
  </si>
  <si>
    <t>森田　昌代</t>
  </si>
  <si>
    <t>大澤　顕之</t>
  </si>
  <si>
    <t>消化器・肝臓内科</t>
  </si>
  <si>
    <t>中村　仁紀</t>
  </si>
  <si>
    <t>中田　耕太郎</t>
  </si>
  <si>
    <t>長谷川　節</t>
  </si>
  <si>
    <t>渡部　通章</t>
  </si>
  <si>
    <t>八木　秀憲</t>
  </si>
  <si>
    <t>福地　修</t>
  </si>
  <si>
    <t>平福　啓一伍</t>
  </si>
  <si>
    <t>北山　貴章</t>
  </si>
  <si>
    <t>柳原　健一</t>
  </si>
  <si>
    <t>鈴木　貴之</t>
  </si>
  <si>
    <t>國分　達</t>
  </si>
  <si>
    <t>齋藤　善也</t>
  </si>
  <si>
    <t>蠣﨑　昭太</t>
  </si>
  <si>
    <t>齊藤　良太</t>
  </si>
  <si>
    <t>佐々木　知也</t>
  </si>
  <si>
    <t>佐々木内科クリニック</t>
  </si>
  <si>
    <t>厚木市水引2-1-14</t>
  </si>
  <si>
    <t>佐藤　温洋</t>
  </si>
  <si>
    <t>本厚木メディカルクリニック</t>
  </si>
  <si>
    <t>厚木市泉町3-14　東友ビル3F</t>
  </si>
  <si>
    <t>長岡　美佳子</t>
  </si>
  <si>
    <t>厚木市泉町3-14　東友ビル3Ｆ</t>
  </si>
  <si>
    <t>四津　学人</t>
  </si>
  <si>
    <t>厚木循環器・内科クリニック</t>
  </si>
  <si>
    <t>厚木市泉町3-5　厚木フォーラムビル3F</t>
  </si>
  <si>
    <t>内科、循環器科、訪問診療科</t>
  </si>
  <si>
    <t>清水　隼</t>
  </si>
  <si>
    <t>安西　秀聡</t>
  </si>
  <si>
    <t>東名厚木病院</t>
  </si>
  <si>
    <t>厚木市船子232</t>
  </si>
  <si>
    <t>安齋　明雅</t>
  </si>
  <si>
    <t>鎌田　順道</t>
  </si>
  <si>
    <t>岩倉　秀雅</t>
  </si>
  <si>
    <t>鬼塚　圭一郎</t>
  </si>
  <si>
    <t>吉川　渉</t>
  </si>
  <si>
    <t>玉置　道生</t>
  </si>
  <si>
    <t>高坂　佳宏</t>
  </si>
  <si>
    <t>三浦　隼</t>
  </si>
  <si>
    <t>山下　巌</t>
  </si>
  <si>
    <t>山﨑　友也</t>
  </si>
  <si>
    <t>小島　淳夫</t>
  </si>
  <si>
    <t>神山　公希</t>
  </si>
  <si>
    <t>成尾　宗浩</t>
  </si>
  <si>
    <t>川井　貴美子</t>
  </si>
  <si>
    <t>大山　聡子</t>
  </si>
  <si>
    <t>竹内　真吾</t>
  </si>
  <si>
    <t>中　正剛</t>
  </si>
  <si>
    <t>藤城　貴教</t>
  </si>
  <si>
    <t>日野　浩司</t>
  </si>
  <si>
    <t>飯田　哲士</t>
  </si>
  <si>
    <t>緩和ケア内科</t>
  </si>
  <si>
    <t>平出　聡</t>
  </si>
  <si>
    <t>北野　義和</t>
  </si>
  <si>
    <t>堀　賢一郎</t>
  </si>
  <si>
    <t>和田　圭司</t>
  </si>
  <si>
    <t>髙梨　遼</t>
  </si>
  <si>
    <t>馬嶋　貴正</t>
  </si>
  <si>
    <t>稲垣　豊</t>
  </si>
  <si>
    <t>とうめい厚木クリニック</t>
  </si>
  <si>
    <t>厚木市船子237</t>
  </si>
  <si>
    <t>河野　昌史</t>
  </si>
  <si>
    <t>佐口　武史</t>
  </si>
  <si>
    <t>冨田　公夫</t>
  </si>
  <si>
    <t>野村　直樹</t>
  </si>
  <si>
    <t>岡村　悟</t>
  </si>
  <si>
    <t>あつぎファミリークリニック</t>
  </si>
  <si>
    <t>厚木市中町1-6-7　1F</t>
  </si>
  <si>
    <t>酒井　英光</t>
  </si>
  <si>
    <t>厚木市中町1-8-6</t>
  </si>
  <si>
    <t>内科、整形外科、脳神経外科</t>
  </si>
  <si>
    <t>酒井　浩多</t>
  </si>
  <si>
    <t>酒井　志穂</t>
  </si>
  <si>
    <t>酒井　隆光</t>
  </si>
  <si>
    <t>外科、整形外科、消化器内科</t>
  </si>
  <si>
    <t>有泉　隆裕</t>
  </si>
  <si>
    <t>有泉こどもクリニック</t>
  </si>
  <si>
    <t>厚木市中町2-13-16</t>
  </si>
  <si>
    <t>平野　一貴</t>
  </si>
  <si>
    <t>厚木ひだまり内科リウマチ膠原病クリニック</t>
  </si>
  <si>
    <t>厚木市中町2-1-6　レンブラントスタイル本厚木2F</t>
  </si>
  <si>
    <t>平野　陽子</t>
  </si>
  <si>
    <t>リウマチ膠原病科</t>
  </si>
  <si>
    <t>石橋　朋和</t>
  </si>
  <si>
    <t>石橋眼科</t>
  </si>
  <si>
    <t>厚木市中町2-2-1　ミロード②7F</t>
  </si>
  <si>
    <t>笹生　正樹</t>
  </si>
  <si>
    <t>本厚木かかりつけクリニック</t>
  </si>
  <si>
    <t>厚木市中町3-1-15　笹生ビル</t>
  </si>
  <si>
    <t>内科、外科、循環器内科、心臓血管外科</t>
  </si>
  <si>
    <t>尾崎　卓司</t>
  </si>
  <si>
    <t>あつぎ内視鏡・内科クリニック</t>
  </si>
  <si>
    <t>厚木市中町3-12-1　厚木国際ビル7F</t>
  </si>
  <si>
    <t>鈴木　英章</t>
  </si>
  <si>
    <t>野地　雅人</t>
  </si>
  <si>
    <t>のじ脳神経外科・しびれクリニック</t>
  </si>
  <si>
    <t>厚木市中町3-12-16　2F</t>
  </si>
  <si>
    <t>神経内科、脳神経外科、放射線科</t>
  </si>
  <si>
    <t>飯田　和之</t>
  </si>
  <si>
    <t>厚木いいだ眼科</t>
  </si>
  <si>
    <t>厚木市中町3-12-16　厚木中町メディカルビル1F</t>
  </si>
  <si>
    <t>荒木　雄也</t>
  </si>
  <si>
    <t>厚木クリニック</t>
  </si>
  <si>
    <t>厚木市中町3-6-14　神奈中厚木第2ビル3F</t>
  </si>
  <si>
    <t>笠原　みづほ</t>
  </si>
  <si>
    <t>仁厚会病院</t>
  </si>
  <si>
    <t>厚木市中町3-8-11</t>
  </si>
  <si>
    <t>佐島　敬清</t>
  </si>
  <si>
    <t>迫　浩輔</t>
  </si>
  <si>
    <t>古田　泉</t>
  </si>
  <si>
    <t>厚木中町クリニック</t>
  </si>
  <si>
    <t>厚木市中町4-10-2　ハラダ中町ビル1F</t>
  </si>
  <si>
    <t>藤野　綾太</t>
  </si>
  <si>
    <t>あつぎ新クリニック</t>
  </si>
  <si>
    <t>厚木市中町4-10-8　厚木アザレアビル1・2F</t>
  </si>
  <si>
    <t>腎臓内科、人工透析内科</t>
  </si>
  <si>
    <t>上田　明日美</t>
  </si>
  <si>
    <t>本厚木駅前内科皮膚科クリニック</t>
  </si>
  <si>
    <t>厚木市中町4-14-4　山口ビル3F</t>
  </si>
  <si>
    <t>松倉　修司</t>
  </si>
  <si>
    <t>眼科松倉クリニック</t>
  </si>
  <si>
    <t>厚木市中町4-4-13　浅岡ビル1Ｆ</t>
  </si>
  <si>
    <t>梅園　朋也</t>
  </si>
  <si>
    <t>うめぞの内科クリニック</t>
  </si>
  <si>
    <t>厚木市中町4-4-15　TMビル本厚木1Ｆ</t>
  </si>
  <si>
    <t>内科（糖尿病）</t>
  </si>
  <si>
    <t>酒井　明彦</t>
  </si>
  <si>
    <t>田村町整形外科クリニック</t>
  </si>
  <si>
    <t>厚木市田村町9-31</t>
  </si>
  <si>
    <t>鎌田　浩子</t>
  </si>
  <si>
    <t>近藤病院</t>
  </si>
  <si>
    <t>厚木市東町3-3</t>
  </si>
  <si>
    <t>近藤　勉</t>
  </si>
  <si>
    <t>横田　光央</t>
  </si>
  <si>
    <t>アグリホームクリニック　あつぎ</t>
  </si>
  <si>
    <t>厚木市飯山5547</t>
  </si>
  <si>
    <t>池田　正信</t>
  </si>
  <si>
    <t>池田クリニック</t>
  </si>
  <si>
    <t>厚木市緑ケ丘1-6-5</t>
  </si>
  <si>
    <t>鈴木　園子</t>
  </si>
  <si>
    <t>鈴木内科クリニック</t>
  </si>
  <si>
    <t>厚木市林3-6-38</t>
  </si>
  <si>
    <t>リウマチ科、膠原病内科</t>
  </si>
  <si>
    <t>鈴木　康輔</t>
  </si>
  <si>
    <t>武藤　芳樹</t>
  </si>
  <si>
    <t>つきみ野おなかと内科のクリニック</t>
  </si>
  <si>
    <t>大和市</t>
  </si>
  <si>
    <t>大和市つきみ野1-6-29</t>
  </si>
  <si>
    <t>大坪　慶輔</t>
  </si>
  <si>
    <t>つばめこどもクリニック</t>
  </si>
  <si>
    <t>前川　公男</t>
  </si>
  <si>
    <t>前川内科クリニック</t>
  </si>
  <si>
    <t>大和市下鶴間2777-5-6</t>
  </si>
  <si>
    <t>大竹　博司</t>
  </si>
  <si>
    <t>おおたけ眼科　つきみ野医院</t>
  </si>
  <si>
    <t>大和市下鶴間521-8</t>
  </si>
  <si>
    <t>綾木　雅彦</t>
  </si>
  <si>
    <t>大和市下鶴間521-8　つきみ野メディカルセンター2F</t>
  </si>
  <si>
    <t>山崎　佳代子</t>
  </si>
  <si>
    <t>小田　仁</t>
  </si>
  <si>
    <t>岩﨑　裕明</t>
  </si>
  <si>
    <t>南大和病院</t>
  </si>
  <si>
    <t>大和市下和田1331-2</t>
  </si>
  <si>
    <t>糖尿病・代謝・内分泌内科</t>
  </si>
  <si>
    <t>橋本　嘉</t>
  </si>
  <si>
    <t>金子　正和</t>
  </si>
  <si>
    <t>守田　誠恵</t>
  </si>
  <si>
    <t>小林　直菜美</t>
  </si>
  <si>
    <t>松本　太郎</t>
  </si>
  <si>
    <t>上石　智子</t>
  </si>
  <si>
    <t>深原　俊明</t>
  </si>
  <si>
    <t>田村　敦</t>
  </si>
  <si>
    <t>藤井　淳平</t>
  </si>
  <si>
    <t>日下　敬太</t>
  </si>
  <si>
    <t>毛利　公美</t>
  </si>
  <si>
    <t>木村　育子</t>
  </si>
  <si>
    <t>廣瀬　直人</t>
  </si>
  <si>
    <t>髙川　亮</t>
  </si>
  <si>
    <t>田中　千彦</t>
  </si>
  <si>
    <t>たなかクリニック</t>
  </si>
  <si>
    <t>大和市桜森3-7-18</t>
  </si>
  <si>
    <t>藤沼　邦彦</t>
  </si>
  <si>
    <t>藤沼内科クリニック</t>
  </si>
  <si>
    <t>大和市渋谷5-25-１</t>
  </si>
  <si>
    <t>神経内科（脳神経内科）</t>
  </si>
  <si>
    <t>須藤 英文</t>
  </si>
  <si>
    <t>須藤整形外科クリニック</t>
  </si>
  <si>
    <t>大和市渋谷5-6-6</t>
  </si>
  <si>
    <t>原　尚子</t>
  </si>
  <si>
    <t>高座渋谷眼科</t>
  </si>
  <si>
    <t>大和市渋谷7-1-11</t>
  </si>
  <si>
    <t>渡辺　浩二</t>
  </si>
  <si>
    <t>高座渋谷内科・内視鏡クリニック</t>
  </si>
  <si>
    <t>大和市渋谷8-3-2　渋谷セントラルクリニックB</t>
  </si>
  <si>
    <t>内科、消化器内科、内視鏡内科</t>
  </si>
  <si>
    <t>西山　恭平</t>
  </si>
  <si>
    <t>高座渋谷じんクリニック</t>
  </si>
  <si>
    <t>大和市渋谷8-4-1　ルミエール1F</t>
  </si>
  <si>
    <t>関水　正之</t>
  </si>
  <si>
    <t>関水整形外科クリニック</t>
  </si>
  <si>
    <t>大和市深見西2-3-28</t>
  </si>
  <si>
    <t>安部　克哉</t>
  </si>
  <si>
    <t>大和市立病院</t>
  </si>
  <si>
    <t>大和市深見西8-3-6</t>
  </si>
  <si>
    <t>井上　聡</t>
  </si>
  <si>
    <t>永井　浩巳</t>
  </si>
  <si>
    <t>黄　士恭</t>
  </si>
  <si>
    <t>亀田　亮</t>
  </si>
  <si>
    <t>菊池　雄斗</t>
  </si>
  <si>
    <t>金淵　優樹</t>
  </si>
  <si>
    <t>今木　隆太</t>
  </si>
  <si>
    <t>根本　昌之</t>
  </si>
  <si>
    <t>山崎　哲</t>
  </si>
  <si>
    <t>山田　塁</t>
  </si>
  <si>
    <t>山本　和寿</t>
  </si>
  <si>
    <t>篠原　健太郎</t>
  </si>
  <si>
    <t>小倉　直人</t>
  </si>
  <si>
    <t>小幡　径行</t>
  </si>
  <si>
    <t>石川　雅彦</t>
  </si>
  <si>
    <t>村山　友介</t>
  </si>
  <si>
    <t>村田　淳</t>
  </si>
  <si>
    <t>大杉　康司</t>
  </si>
  <si>
    <t>池田　真悟</t>
  </si>
  <si>
    <t>竹下　康代</t>
  </si>
  <si>
    <t>竹内　久恵</t>
  </si>
  <si>
    <t>中村　祐之</t>
  </si>
  <si>
    <t>中村　洋介</t>
  </si>
  <si>
    <t>町井　正人</t>
  </si>
  <si>
    <t>長谷川　哲哉</t>
  </si>
  <si>
    <t>天野　典子</t>
  </si>
  <si>
    <t>道下　雄介</t>
  </si>
  <si>
    <t>血液腫瘍内科</t>
  </si>
  <si>
    <t>徳永　千春</t>
  </si>
  <si>
    <t>萩原　宏之</t>
  </si>
  <si>
    <t>武市　悠</t>
  </si>
  <si>
    <t>服部　友歌子</t>
  </si>
  <si>
    <t>片　佑樹</t>
  </si>
  <si>
    <t>林　陸</t>
  </si>
  <si>
    <t>淺見　昌樹</t>
  </si>
  <si>
    <t>栁田　直毅</t>
  </si>
  <si>
    <t>髙橋　謙一郎</t>
  </si>
  <si>
    <t>角田 礼佳</t>
  </si>
  <si>
    <t>出口　治子</t>
  </si>
  <si>
    <t>いでぐち内科リウマチ科</t>
  </si>
  <si>
    <t>大和市西鶴間1-1-7</t>
  </si>
  <si>
    <t>小林　絵礼奈</t>
  </si>
  <si>
    <t>小林国際クリニック</t>
  </si>
  <si>
    <t>大和市西鶴間3-5-6-110</t>
  </si>
  <si>
    <t>吉田　道彦</t>
  </si>
  <si>
    <t>在宅療養支援クリニックかえでの風やまと</t>
  </si>
  <si>
    <t>大和市西鶴間3-8-2　ハイツ茜壱号室</t>
  </si>
  <si>
    <t>芳沢　茂雄</t>
  </si>
  <si>
    <t>芳沢医院</t>
  </si>
  <si>
    <t>大和市草柳1-3-2</t>
  </si>
  <si>
    <t>田中　啓司</t>
  </si>
  <si>
    <t>田中内科クリニック</t>
  </si>
  <si>
    <t>大和市大和東1-3-15　太陽ビル第20 3F</t>
  </si>
  <si>
    <t>大橋　佳弘</t>
  </si>
  <si>
    <t>深見台中央医院　大和東クリニック</t>
  </si>
  <si>
    <t>大和市大和東1-4-2　2Ｆ</t>
  </si>
  <si>
    <t>木村　竜一</t>
  </si>
  <si>
    <t>よつば整形外科</t>
  </si>
  <si>
    <t>大和市大和東1-7-21　2Ｆ</t>
  </si>
  <si>
    <t>前住　忠秀</t>
  </si>
  <si>
    <t>大和アーバンクリニック</t>
  </si>
  <si>
    <t>大和市大和東3-1-6 JMビル3F</t>
  </si>
  <si>
    <t>天笠　允仁</t>
  </si>
  <si>
    <t>中崎　忠</t>
  </si>
  <si>
    <t>大和ホームクリニック</t>
  </si>
  <si>
    <t>大和市大和東3-1-6JMビル3F</t>
  </si>
  <si>
    <t>大新田　訓承</t>
  </si>
  <si>
    <t>やまとサンクリニック</t>
  </si>
  <si>
    <t>大和市大和東3-4-27</t>
  </si>
  <si>
    <t>長本　章裕</t>
  </si>
  <si>
    <t>大和クリニック</t>
  </si>
  <si>
    <t>大和市大和南1-5-14　永和大和ビル1F</t>
  </si>
  <si>
    <t>長田　鉄也</t>
  </si>
  <si>
    <t>長田クリニック</t>
  </si>
  <si>
    <t>大和市中央2-2-1　ワイフロント2F</t>
  </si>
  <si>
    <t>遠藤　麻里子</t>
  </si>
  <si>
    <t>大和中央眼科</t>
  </si>
  <si>
    <t>大和市中央4-1-2　近藤ビル5F</t>
  </si>
  <si>
    <t>遠藤　純男</t>
  </si>
  <si>
    <t>大和徳洲会病院</t>
  </si>
  <si>
    <t>大和市中央4-4-12</t>
  </si>
  <si>
    <t>横山　泰廣</t>
  </si>
  <si>
    <t>岩瀨　恭子</t>
  </si>
  <si>
    <t>金丸　隆幸</t>
  </si>
  <si>
    <t>戸根　修</t>
  </si>
  <si>
    <t>佐竹　範夫</t>
  </si>
  <si>
    <t>山村　真吾</t>
  </si>
  <si>
    <t>柴﨑　仁志</t>
  </si>
  <si>
    <t>松井　知治</t>
  </si>
  <si>
    <t>清水　浩一</t>
  </si>
  <si>
    <t>川本　龍成</t>
  </si>
  <si>
    <t>荘　沢亮</t>
  </si>
  <si>
    <t>村山　隆夫</t>
  </si>
  <si>
    <t>大西　貴久</t>
  </si>
  <si>
    <t>大津　玉緒</t>
  </si>
  <si>
    <t>大木　敬章</t>
  </si>
  <si>
    <t>竹上　智浩</t>
  </si>
  <si>
    <t>木村　友紀</t>
  </si>
  <si>
    <t>野木　彩夏</t>
  </si>
  <si>
    <t>廣冨　浩一</t>
  </si>
  <si>
    <t>廣瀬　正二</t>
  </si>
  <si>
    <t>大和市中央4-4-2</t>
  </si>
  <si>
    <t>後藤　さや香</t>
  </si>
  <si>
    <t>大和ハナミズキ眼科</t>
  </si>
  <si>
    <t>大和市中央5-4-25　大和メディカルプラザ1F</t>
  </si>
  <si>
    <t>町田　大輔</t>
  </si>
  <si>
    <t>やまと小磯診療所</t>
  </si>
  <si>
    <t>大和市中央5-4-25 大和メディカルプラザ2Ｆ</t>
  </si>
  <si>
    <t>岡本　仁志</t>
  </si>
  <si>
    <t>岡本整形外科</t>
  </si>
  <si>
    <t>大和市中央5-6-29</t>
  </si>
  <si>
    <t>田邉　晃久</t>
  </si>
  <si>
    <t>やまと中央循環器内科</t>
  </si>
  <si>
    <t>大和市中央7-10-15</t>
  </si>
  <si>
    <t>内科、循環器内科、老年内科</t>
  </si>
  <si>
    <t>大石　岳</t>
  </si>
  <si>
    <t>黒山内科医院</t>
  </si>
  <si>
    <t>大和市中央林間2-21-20　コスモヒルズ中央林間1F</t>
  </si>
  <si>
    <t>大髙　稔晴</t>
  </si>
  <si>
    <t>みどり野リハビリテーション病院</t>
  </si>
  <si>
    <t>大和市中央林間2-6-17</t>
  </si>
  <si>
    <t>北原　孝雄</t>
  </si>
  <si>
    <t>阿部　充志</t>
  </si>
  <si>
    <t>阿部眼科クリニック</t>
  </si>
  <si>
    <t>大和市中央林間3-11-13</t>
  </si>
  <si>
    <t>橋本　修</t>
  </si>
  <si>
    <t>大和市中央林間3-18-1-1Ｆ</t>
  </si>
  <si>
    <t>胃腸内科、消化器内視鏡、大腸肛門科</t>
  </si>
  <si>
    <t>河野　正寛</t>
  </si>
  <si>
    <t>中央林間病院</t>
  </si>
  <si>
    <t>大和市中央林間4-14-18</t>
  </si>
  <si>
    <t>山本 晃平</t>
  </si>
  <si>
    <t>山本　紘輝</t>
  </si>
  <si>
    <t>菅　知也</t>
  </si>
  <si>
    <t>中田　規之</t>
  </si>
  <si>
    <t>木下　綾</t>
  </si>
  <si>
    <t>木山　智</t>
  </si>
  <si>
    <t>浦部　晶博</t>
  </si>
  <si>
    <t>中央林間ハートクリニック</t>
  </si>
  <si>
    <t>大和市中央林間4-14-25　中央林間ジョイモアーズ2F</t>
  </si>
  <si>
    <t>伊藤　陽子</t>
  </si>
  <si>
    <t>中央林間さくら内科</t>
  </si>
  <si>
    <t>大和市中央林間4-16-20　3F</t>
  </si>
  <si>
    <t>望月　高行</t>
  </si>
  <si>
    <t>望月耳鼻咽喉科</t>
  </si>
  <si>
    <t>大和市中央林間4-20-4</t>
  </si>
  <si>
    <t>山川　弥生</t>
  </si>
  <si>
    <t>中央林間やまかわ眼科</t>
  </si>
  <si>
    <t>大和市中央林間4-29-22　2F</t>
  </si>
  <si>
    <t>鎌田　裕二</t>
  </si>
  <si>
    <t>中央林間糖尿病・甲状腺クリニック</t>
  </si>
  <si>
    <t>大和市中央林間4-29-22　3F</t>
  </si>
  <si>
    <t>糖尿病内科、甲状腺内科、内分泌内科</t>
  </si>
  <si>
    <t>鎌田　梨衣那</t>
  </si>
  <si>
    <t>松村　和哉</t>
  </si>
  <si>
    <t>ピースこどもクリニック</t>
  </si>
  <si>
    <t>大和市中央林間4-4-3　小田急マルシェ中央林間302号</t>
  </si>
  <si>
    <t>石田　悠人</t>
  </si>
  <si>
    <t>中央林間駅前いしだ内科</t>
  </si>
  <si>
    <t>大和市中央林間4-4-3　小田急マルシェ中央林間３F</t>
  </si>
  <si>
    <t>糖尿病内科、内分泌代謝内科</t>
  </si>
  <si>
    <t>渡會　晃</t>
  </si>
  <si>
    <t>渡会皮膚科医院</t>
  </si>
  <si>
    <t>大和市中央林間5-7-2-1F</t>
  </si>
  <si>
    <t>高田　雅博</t>
  </si>
  <si>
    <t>高田消化器・内科クリニック</t>
  </si>
  <si>
    <t>大和市中央林間6-11-15</t>
  </si>
  <si>
    <t>引田　俊一</t>
  </si>
  <si>
    <t>セントルカ眼科･歯科クリニック</t>
  </si>
  <si>
    <t>大和市鶴間1-31-1　大和クリニックモール1Ｆ</t>
  </si>
  <si>
    <t>脳神経外科、眼科</t>
  </si>
  <si>
    <t>宗　武彦</t>
  </si>
  <si>
    <t>宗内科・循環器科</t>
  </si>
  <si>
    <t>大和市鶴間1-31-1　大和クリニックモール2F</t>
  </si>
  <si>
    <t>池田　亮</t>
  </si>
  <si>
    <t>池田整形外科クリニック</t>
  </si>
  <si>
    <t>矢口　厚</t>
  </si>
  <si>
    <t>やぐち皮膚科クリニック</t>
  </si>
  <si>
    <t>大和市鶴間1-31-1　大和クリニックモール3Ｆ</t>
  </si>
  <si>
    <t>山口　眞紀</t>
  </si>
  <si>
    <t>セントルカ眼科・歯科クリニック</t>
  </si>
  <si>
    <t>大和市鶴間1-31-1　大和クリニックモール内1Ｆ</t>
  </si>
  <si>
    <t>三ツ木　崇</t>
  </si>
  <si>
    <t>やまと在宅クリニック</t>
  </si>
  <si>
    <t>大和市鶴間2-2-2 メゾン・ド・スピカ1F</t>
  </si>
  <si>
    <t>髙野　恵雄</t>
  </si>
  <si>
    <t>高野クリニック</t>
  </si>
  <si>
    <t>大和市南林間1-7-9</t>
  </si>
  <si>
    <t>久志本　晋</t>
  </si>
  <si>
    <t>久志本眼科クリニック</t>
  </si>
  <si>
    <t>大和市南林間1-8-7　長谷川第２ビル５F</t>
  </si>
  <si>
    <t>関　宏</t>
  </si>
  <si>
    <t>大和成和病院</t>
  </si>
  <si>
    <t>大和市南林間9-8-2</t>
  </si>
  <si>
    <t>柴山　健理</t>
  </si>
  <si>
    <t>新川　弘樹</t>
  </si>
  <si>
    <t>菅原　重忠</t>
  </si>
  <si>
    <t>大谷 明</t>
  </si>
  <si>
    <t>堤　穣志</t>
  </si>
  <si>
    <t>田畑　美弥子</t>
  </si>
  <si>
    <t>土井尻　達紀</t>
  </si>
  <si>
    <t>飯谷　宗弘</t>
  </si>
  <si>
    <t>髙橋　賢一朗</t>
  </si>
  <si>
    <t>関水　圭三</t>
  </si>
  <si>
    <t>関水眼科</t>
  </si>
  <si>
    <t>大和市福田1216</t>
  </si>
  <si>
    <t>佐藤　壽男</t>
  </si>
  <si>
    <t>佐藤眼科</t>
  </si>
  <si>
    <t>大和市福田1-2-3</t>
  </si>
  <si>
    <t>永井　真理子</t>
  </si>
  <si>
    <t>桜ヶ丘中央病院</t>
  </si>
  <si>
    <t>大和市福田1-7-1</t>
  </si>
  <si>
    <t>榎本　雅之</t>
  </si>
  <si>
    <t>加藤　知行</t>
  </si>
  <si>
    <t>岩瀬　俊一</t>
  </si>
  <si>
    <t>高橋　利明</t>
  </si>
  <si>
    <t>高島　良樹</t>
  </si>
  <si>
    <t>上原　和子</t>
  </si>
  <si>
    <t>水野　宜英</t>
  </si>
  <si>
    <t>竹島　慎一</t>
  </si>
  <si>
    <t>内科・脳神経内科・リハビリテーション科</t>
  </si>
  <si>
    <t>島﨑　猛</t>
  </si>
  <si>
    <t>藤田　数敏</t>
  </si>
  <si>
    <t>柏井　良文</t>
  </si>
  <si>
    <t>福井　隆史</t>
  </si>
  <si>
    <t>有薗　生吹</t>
  </si>
  <si>
    <t>有田　正裕</t>
  </si>
  <si>
    <t>齋藤　雅彦</t>
  </si>
  <si>
    <t>髙宮　幸人</t>
  </si>
  <si>
    <t>三平　将彦</t>
  </si>
  <si>
    <t>みひらクリニック</t>
  </si>
  <si>
    <t>大和市福田1826-2　スカイステーション101</t>
  </si>
  <si>
    <t>内科、麻酔科</t>
  </si>
  <si>
    <t>小林　夏樹</t>
  </si>
  <si>
    <t>たすくホームクリニック</t>
  </si>
  <si>
    <t>大和市林間1-5-7-201</t>
  </si>
  <si>
    <t>林　敏信</t>
  </si>
  <si>
    <t>林眼科医院</t>
  </si>
  <si>
    <t>大和市林間1-6-11</t>
  </si>
  <si>
    <t>玉井　伸哉</t>
  </si>
  <si>
    <t>小児科玉井クリニック</t>
  </si>
  <si>
    <t>大和市林間1-8-11　ブルームヒル林間1F</t>
  </si>
  <si>
    <t>玉井　直敬</t>
  </si>
  <si>
    <t>大和市林間1-8-11　ブルームヒル林間1Ｆ</t>
  </si>
  <si>
    <t>鶴居　信昭</t>
  </si>
  <si>
    <t>菊田内科医院</t>
  </si>
  <si>
    <t>大和市林間2-1-5</t>
  </si>
  <si>
    <t>内科、消化器内科、糖尿病内科</t>
  </si>
  <si>
    <t>井上　元保</t>
  </si>
  <si>
    <t>慶友いせはら整形外科</t>
  </si>
  <si>
    <t>伊勢原市</t>
  </si>
  <si>
    <t>伊勢原市伊勢原1-11-23</t>
  </si>
  <si>
    <t>山崎　一</t>
  </si>
  <si>
    <t>伊勢原ペインクリニック</t>
  </si>
  <si>
    <t>伊勢原市伊勢原1-16-8-1F</t>
  </si>
  <si>
    <t>髙橋　嘉晴</t>
  </si>
  <si>
    <t>たかはし眼科クリニック</t>
  </si>
  <si>
    <t>伊勢原市伊勢原1-23-1</t>
  </si>
  <si>
    <t>湯浅　直樹</t>
  </si>
  <si>
    <t>湯浅クリニック</t>
  </si>
  <si>
    <t>伊勢原市伊勢原1-32-17</t>
  </si>
  <si>
    <t>根崎　健吾</t>
  </si>
  <si>
    <t>眼科根崎医院</t>
  </si>
  <si>
    <t>伊勢原市伊勢原2-2-26　イマイビル3F</t>
  </si>
  <si>
    <t>阿部　早和子</t>
  </si>
  <si>
    <t>東海大学医学部付属病院</t>
  </si>
  <si>
    <t>伊勢原市下糟屋143</t>
  </si>
  <si>
    <t>安田　敦</t>
  </si>
  <si>
    <t>腎内分泌代謝内科</t>
  </si>
  <si>
    <t>安藤　潔</t>
  </si>
  <si>
    <t>安部　貴人</t>
  </si>
  <si>
    <t>伊苅　裕二</t>
  </si>
  <si>
    <t>伊地知　健</t>
  </si>
  <si>
    <t>伊藤　洋子</t>
  </si>
  <si>
    <t>井上　詠</t>
  </si>
  <si>
    <t>鵜養　拓</t>
  </si>
  <si>
    <t>浦野　哲哉</t>
  </si>
  <si>
    <t>運崎 愛</t>
  </si>
  <si>
    <t>遺伝子診療科</t>
  </si>
  <si>
    <t>永田　栄一郎</t>
  </si>
  <si>
    <t>奥　健志</t>
  </si>
  <si>
    <t>リウマチ内科</t>
  </si>
  <si>
    <t>岡田　公章</t>
  </si>
  <si>
    <t>岡田　直樹</t>
  </si>
  <si>
    <t>沖　将行</t>
  </si>
  <si>
    <t>加川　建弘</t>
  </si>
  <si>
    <t>加藤　裕幸</t>
  </si>
  <si>
    <t>河野　太郎</t>
  </si>
  <si>
    <t>外山　大輔</t>
  </si>
  <si>
    <t>岩崎　栄典</t>
  </si>
  <si>
    <t>鬼塚　真仁</t>
  </si>
  <si>
    <t>菊池　美佑</t>
  </si>
  <si>
    <t>吉岡　公一郎</t>
  </si>
  <si>
    <t>吉町　文暢</t>
  </si>
  <si>
    <t>宮下　好洋</t>
  </si>
  <si>
    <t>近藤　章生</t>
  </si>
  <si>
    <t>金子　綾太</t>
  </si>
  <si>
    <t>金田　将治</t>
  </si>
  <si>
    <t>駒場　大峰</t>
  </si>
  <si>
    <t>沓澤 直賢</t>
  </si>
  <si>
    <t>原　隆二郎</t>
  </si>
  <si>
    <t>古屋　秀和</t>
  </si>
  <si>
    <t>五島　史行</t>
  </si>
  <si>
    <t>後藤　信哉</t>
  </si>
  <si>
    <t>厚見　秀樹</t>
  </si>
  <si>
    <t>広瀬　俊治</t>
  </si>
  <si>
    <t>荒瀬　吉孝</t>
  </si>
  <si>
    <t>高橋　雅道</t>
  </si>
  <si>
    <t>今井　仁</t>
  </si>
  <si>
    <t>今井　洸</t>
  </si>
  <si>
    <t>今川　孝太郎</t>
  </si>
  <si>
    <t>佐々木　則子</t>
  </si>
  <si>
    <t>佐藤　慎二</t>
  </si>
  <si>
    <t>佐藤　正人</t>
  </si>
  <si>
    <t>佐藤　翔太</t>
  </si>
  <si>
    <t>佐野　正弥</t>
  </si>
  <si>
    <t>山田　佳之</t>
  </si>
  <si>
    <t>山田　千穂</t>
  </si>
  <si>
    <t>山本　尭佳</t>
  </si>
  <si>
    <t>山本　将平</t>
  </si>
  <si>
    <t>山木　聡史</t>
  </si>
  <si>
    <t>小児外科</t>
  </si>
  <si>
    <t>山﨑　文和</t>
  </si>
  <si>
    <t>山﨑　有朋</t>
  </si>
  <si>
    <t>志村　信一郎</t>
  </si>
  <si>
    <t>寺邑　英里香</t>
  </si>
  <si>
    <t>酒井　大輔</t>
  </si>
  <si>
    <t>十河　泰之</t>
  </si>
  <si>
    <t>重松　秀明</t>
  </si>
  <si>
    <t>緒方　正史</t>
  </si>
  <si>
    <t>小熊　剛</t>
  </si>
  <si>
    <t>小松崎　尚子</t>
  </si>
  <si>
    <t>小川　吉明</t>
  </si>
  <si>
    <t>小泉　賢洋</t>
  </si>
  <si>
    <t>小池　隆志</t>
  </si>
  <si>
    <t>小野沢　優奈</t>
  </si>
  <si>
    <t>小林　貴子</t>
  </si>
  <si>
    <t>小林　由香</t>
  </si>
  <si>
    <t>小澤　秀樹</t>
  </si>
  <si>
    <t>松田　晋一</t>
  </si>
  <si>
    <t>松嶋　成志</t>
  </si>
  <si>
    <t>上田　孝</t>
  </si>
  <si>
    <t>新村　文男</t>
  </si>
  <si>
    <t>森　昌玄</t>
  </si>
  <si>
    <t>真鍋　早季</t>
  </si>
  <si>
    <t>須永　梓</t>
  </si>
  <si>
    <t>水間　敦士</t>
  </si>
  <si>
    <t>杉山　延喜</t>
  </si>
  <si>
    <t>清水　知道</t>
  </si>
  <si>
    <t>西　隆之</t>
  </si>
  <si>
    <t>西田　大輔</t>
  </si>
  <si>
    <t>石井　あゆみ</t>
  </si>
  <si>
    <t>石丸 雅矩</t>
  </si>
  <si>
    <t>赤松　正</t>
  </si>
  <si>
    <t>川井　英嗣</t>
  </si>
  <si>
    <t>川村　玲衣奈</t>
  </si>
  <si>
    <t>川田　浩志</t>
  </si>
  <si>
    <t>扇屋　大輔</t>
  </si>
  <si>
    <t>浅野　浩一郎</t>
  </si>
  <si>
    <t>増田　良太</t>
  </si>
  <si>
    <t>太田　裕一朗</t>
  </si>
  <si>
    <t>大貫　優子</t>
  </si>
  <si>
    <t>脳神経内科・遺伝子診療科</t>
  </si>
  <si>
    <t>大貫　陽一</t>
  </si>
  <si>
    <t>大間知　謙</t>
  </si>
  <si>
    <t>大上　研二</t>
  </si>
  <si>
    <t>滝口　寛人</t>
  </si>
  <si>
    <t>端山　直樹</t>
  </si>
  <si>
    <t>竹下　明宏</t>
  </si>
  <si>
    <t>中山　平</t>
  </si>
  <si>
    <t>中川　洋佑</t>
  </si>
  <si>
    <t>中村　道郎</t>
  </si>
  <si>
    <t>移植外科</t>
  </si>
  <si>
    <t>中島　大輔</t>
  </si>
  <si>
    <t>町田　真一郎</t>
  </si>
  <si>
    <t>長田　貴洋</t>
  </si>
  <si>
    <t>津田　歩美</t>
  </si>
  <si>
    <t>椎名　豊</t>
  </si>
  <si>
    <t>鶴谷　康太</t>
  </si>
  <si>
    <t>田中　重光</t>
  </si>
  <si>
    <t>田中　淳</t>
  </si>
  <si>
    <t>渡邊　雅彦</t>
  </si>
  <si>
    <t>渡邉　稔彦</t>
  </si>
  <si>
    <t>藤田　祥央</t>
  </si>
  <si>
    <t>藤澤　美亜</t>
  </si>
  <si>
    <t>馬場　胤典</t>
  </si>
  <si>
    <t>馬渕　智生</t>
  </si>
  <si>
    <t>白杉　由香理</t>
  </si>
  <si>
    <t>反町　隆俊</t>
  </si>
  <si>
    <t>尾内　宏美</t>
  </si>
  <si>
    <t>百束　紘</t>
  </si>
  <si>
    <t>富田　祐介</t>
  </si>
  <si>
    <t>米持　拓也</t>
  </si>
  <si>
    <t>豊田　雅夫</t>
  </si>
  <si>
    <t>豊田　純也</t>
  </si>
  <si>
    <t>豊﨑　誠子</t>
  </si>
  <si>
    <t>望月　博之</t>
  </si>
  <si>
    <t>北原　麻子</t>
  </si>
  <si>
    <t>北島　夏見</t>
  </si>
  <si>
    <t>腎代謝内科</t>
  </si>
  <si>
    <t>堀尾　幸弘</t>
  </si>
  <si>
    <t>本多　ゆみえ</t>
  </si>
  <si>
    <t>網野　真理</t>
  </si>
  <si>
    <t>木村　守次</t>
  </si>
  <si>
    <t>野上　達也</t>
  </si>
  <si>
    <t>東洋医学科</t>
  </si>
  <si>
    <t>野村　慧</t>
  </si>
  <si>
    <t>野中　洋一</t>
  </si>
  <si>
    <t>野末　恭子</t>
  </si>
  <si>
    <t>矢部　普正</t>
  </si>
  <si>
    <t>柳　秀高</t>
  </si>
  <si>
    <t>友松　克允</t>
  </si>
  <si>
    <t>友松　裕美</t>
  </si>
  <si>
    <t>有賀　直広</t>
  </si>
  <si>
    <t>林　直一</t>
  </si>
  <si>
    <t>鈴木　孝良</t>
  </si>
  <si>
    <t>鈴木　康之</t>
  </si>
  <si>
    <t>鈴木　崇弘</t>
  </si>
  <si>
    <t>鈴木　利貴央</t>
  </si>
  <si>
    <t>和佐野　浩一郎</t>
  </si>
  <si>
    <t>檜山　明彦</t>
  </si>
  <si>
    <t>濱橋　恒介</t>
  </si>
  <si>
    <t>齋藤　弘亮</t>
  </si>
  <si>
    <t>譚　雪</t>
  </si>
  <si>
    <t>栁下　敦彦</t>
  </si>
  <si>
    <t>平山　晃大</t>
  </si>
  <si>
    <t>東海大学医学部附属病院</t>
  </si>
  <si>
    <t>芹ケ野　健司</t>
  </si>
  <si>
    <t>せりがの整形外科</t>
  </si>
  <si>
    <t>伊勢原市下糟屋3005-5</t>
  </si>
  <si>
    <t>青山　泰之</t>
  </si>
  <si>
    <t>伊勢原あおやまクリニック</t>
  </si>
  <si>
    <t>伊勢原市下糟屋3005-5　伊勢原クリニックモール２F</t>
  </si>
  <si>
    <t>中井　賢二</t>
  </si>
  <si>
    <t>伊勢原石田内科クリニック</t>
  </si>
  <si>
    <t>伊勢原市高森1325</t>
  </si>
  <si>
    <t>杉山　大岳</t>
  </si>
  <si>
    <t>湘南伊勢原クリニック</t>
  </si>
  <si>
    <t>伊勢原市高森3-5-12</t>
  </si>
  <si>
    <t>青木　琢也</t>
  </si>
  <si>
    <t>ホームオン伊勢原クリニック</t>
  </si>
  <si>
    <t>伊勢原市桜台1-10-9　桐谷ビル1F</t>
  </si>
  <si>
    <t>臨床腫瘍科</t>
  </si>
  <si>
    <t>村山　広道</t>
  </si>
  <si>
    <t>有賀　賢典</t>
  </si>
  <si>
    <t>桜台こどもクリニック</t>
  </si>
  <si>
    <t>伊勢原市桜台1-1-14　第2牧野ビル4F</t>
  </si>
  <si>
    <t>大竹　暁</t>
  </si>
  <si>
    <t>いせはら桜台眼科</t>
  </si>
  <si>
    <t>伊勢原市桜台1-15-4</t>
  </si>
  <si>
    <t>清水　宙</t>
  </si>
  <si>
    <t>伊勢原駅前クリニック</t>
  </si>
  <si>
    <t>伊勢原市桜台1-2-13</t>
  </si>
  <si>
    <t>池田　鉄輔</t>
  </si>
  <si>
    <t>中島　尚登</t>
  </si>
  <si>
    <t>祢津　静花</t>
  </si>
  <si>
    <t>堀江　修</t>
  </si>
  <si>
    <t>戎本　浩史</t>
  </si>
  <si>
    <t>えびす耳鼻科いせはら</t>
  </si>
  <si>
    <t>伊勢原市桜台１－２－３４伊勢原大神宮ビル２F</t>
  </si>
  <si>
    <t>遠藤　隆太</t>
  </si>
  <si>
    <t>えんどう内科リウマチ膠原病クリニック</t>
  </si>
  <si>
    <t>伊勢原市桜台2-1-25　2F</t>
  </si>
  <si>
    <t>都築　隆</t>
  </si>
  <si>
    <t>つづき脳神経外科・内科</t>
  </si>
  <si>
    <t>伊勢原市桜台3-4-13</t>
  </si>
  <si>
    <t>東　邦彦</t>
  </si>
  <si>
    <t>東内科医院</t>
  </si>
  <si>
    <t>伊勢原市桜台4-12-11</t>
  </si>
  <si>
    <t>石田　直人</t>
  </si>
  <si>
    <t>誠知クリニック</t>
  </si>
  <si>
    <t>伊勢原市沼目5-19-8</t>
  </si>
  <si>
    <t>朝倉　久美子</t>
  </si>
  <si>
    <t>坂間　晃</t>
  </si>
  <si>
    <t>坂間医院</t>
  </si>
  <si>
    <t>伊勢原市神戸538</t>
  </si>
  <si>
    <t>杉山　茂樹</t>
  </si>
  <si>
    <t>ひまわりクリニック</t>
  </si>
  <si>
    <t>伊勢原市石田224-11</t>
  </si>
  <si>
    <t>杉山　和子</t>
  </si>
  <si>
    <t>伊勢原市石田224ｰ11</t>
  </si>
  <si>
    <t>消化器科、（内科・小児科）</t>
  </si>
  <si>
    <t>藤田　大</t>
  </si>
  <si>
    <t>愛甲石田ふじた眼科</t>
  </si>
  <si>
    <t>伊勢原市石田605-1　２F</t>
  </si>
  <si>
    <t>梅田　陽</t>
  </si>
  <si>
    <t>おのぼり小児科・アレルギー科クリニック</t>
  </si>
  <si>
    <t>伊勢原市池端182-1</t>
  </si>
  <si>
    <t>永井　達司</t>
  </si>
  <si>
    <t>伊勢原協同病院</t>
  </si>
  <si>
    <t>伊勢原市田中345</t>
  </si>
  <si>
    <t>横川　昌彦</t>
  </si>
  <si>
    <t>鎌田　修博</t>
  </si>
  <si>
    <t>吉岡　研之</t>
  </si>
  <si>
    <t>佐藤　亜依</t>
  </si>
  <si>
    <t>佐野　達哉</t>
  </si>
  <si>
    <t>山本　創</t>
  </si>
  <si>
    <t>秋山　康介</t>
  </si>
  <si>
    <t>小野　弘二</t>
  </si>
  <si>
    <t>松井　理</t>
  </si>
  <si>
    <t>森　良孝</t>
  </si>
  <si>
    <t>内分泌糖尿病内科 兼 腎・透析内科</t>
  </si>
  <si>
    <t>生方　良延</t>
  </si>
  <si>
    <t>石崎　純郎</t>
  </si>
  <si>
    <t>村松　匠</t>
  </si>
  <si>
    <t>大久保　芳彦</t>
  </si>
  <si>
    <t>大高　史聖</t>
  </si>
  <si>
    <t>大野　隆</t>
  </si>
  <si>
    <t>竹内　博樹</t>
  </si>
  <si>
    <t>田中　賢明</t>
  </si>
  <si>
    <t>田中　寿絵</t>
  </si>
  <si>
    <t>田爪　圭</t>
  </si>
  <si>
    <t>柏木　浩暢</t>
  </si>
  <si>
    <t>比留川　喬</t>
  </si>
  <si>
    <t>武岡　康信</t>
  </si>
  <si>
    <t>服部　繁明</t>
  </si>
  <si>
    <t>壁島　康郎</t>
  </si>
  <si>
    <t>北尾　恭子</t>
  </si>
  <si>
    <t>野尻　賢哉</t>
  </si>
  <si>
    <t>鈴木　克則</t>
  </si>
  <si>
    <t>すずき眼科クリニック</t>
  </si>
  <si>
    <t>伊勢原市東大竹1541-1</t>
  </si>
  <si>
    <t>峠田　晶子</t>
  </si>
  <si>
    <t>伊勢原サンクリニック</t>
  </si>
  <si>
    <t>伊勢原市東大竹279-1</t>
  </si>
  <si>
    <t>下里　誠司</t>
  </si>
  <si>
    <t>伊勢原日向病院</t>
  </si>
  <si>
    <t>伊勢原市日向541-1</t>
  </si>
  <si>
    <t>関　卓人</t>
  </si>
  <si>
    <t>今村　浩一</t>
  </si>
  <si>
    <t>内科、整形外科、泌尿器科</t>
  </si>
  <si>
    <t>北村　真</t>
  </si>
  <si>
    <t>西田　光宏</t>
  </si>
  <si>
    <t>西田整形外科クリニック</t>
  </si>
  <si>
    <t>伊勢原市板戸204-2</t>
  </si>
  <si>
    <t>内科、整形外科、リハビリテーション科</t>
  </si>
  <si>
    <t>山田　昌弘</t>
  </si>
  <si>
    <t>山田内科胃腸科クリニック</t>
  </si>
  <si>
    <t>伊勢原市板戸897-1　マンションビスタリカ101号</t>
  </si>
  <si>
    <t>増子　佳世</t>
  </si>
  <si>
    <t>ジャパンメディカルアライアンスカラダテラス海老名</t>
  </si>
  <si>
    <t>海老名市</t>
  </si>
  <si>
    <t>海老名市めぐみ町3-1 ViNA GARDENS PERCH 7F</t>
  </si>
  <si>
    <t>谷口　佳浩</t>
  </si>
  <si>
    <t>小倉　悠司</t>
  </si>
  <si>
    <t>海老名スマイルクリニック</t>
  </si>
  <si>
    <t>海老名市めぐみ町3-1　ViNA　GARDENS　PERCH601-11</t>
  </si>
  <si>
    <t>岩田　智則</t>
  </si>
  <si>
    <t>えびな脳神経クリニック</t>
  </si>
  <si>
    <t>海老名市めぐみ町3-1　ViNA　GARDENS　PERCH601-12</t>
  </si>
  <si>
    <t>尾﨑　聡</t>
  </si>
  <si>
    <t>伊藤 大樹</t>
  </si>
  <si>
    <t>海老名駅前眼科ビナガーデンズ</t>
  </si>
  <si>
    <t>山下　愛茜</t>
  </si>
  <si>
    <t>えびな脳神経外科</t>
  </si>
  <si>
    <t>海老名市下今泉4-2-14　グランツ海老名1F</t>
  </si>
  <si>
    <t>内科、小児科、リハビリテーション科</t>
  </si>
  <si>
    <t>大島　泰斗</t>
  </si>
  <si>
    <t>大島クリニック</t>
  </si>
  <si>
    <t>海老名市河原口1-1-14</t>
  </si>
  <si>
    <t>磯﨑　太一</t>
  </si>
  <si>
    <t>えびな産婦人科</t>
  </si>
  <si>
    <t>海老名市河原口1-26-1　ファーストリンクテラス1F 2F</t>
  </si>
  <si>
    <t>今関　良子</t>
  </si>
  <si>
    <t>トータルケアガーデン湘南海老名クリニック</t>
  </si>
  <si>
    <t>海老名市河原口2-30-24　ナーシングガーデン海老名1F</t>
  </si>
  <si>
    <t>西山　淳</t>
  </si>
  <si>
    <t>海老名市河原口2-30-24 ナーシングガーデン海老名1F</t>
  </si>
  <si>
    <t>日吉　康弘</t>
  </si>
  <si>
    <t>ホリィマームクリニック海老名</t>
  </si>
  <si>
    <t>海老名市河原口2-7-18　ホームステーション海老名1F</t>
  </si>
  <si>
    <t>宍戸　悦子</t>
  </si>
  <si>
    <t>宍戸医院</t>
  </si>
  <si>
    <t>海老名市国分寺台5-13-11</t>
  </si>
  <si>
    <t>宍戸　邦彦</t>
  </si>
  <si>
    <t>内山　喜一郎</t>
  </si>
  <si>
    <t>海老名中央医院</t>
  </si>
  <si>
    <t>海老名市国分南3-6-17</t>
  </si>
  <si>
    <t>消化器内科、消化器外科</t>
  </si>
  <si>
    <t>小俣　正子</t>
  </si>
  <si>
    <t>今里クリニック</t>
  </si>
  <si>
    <t>海老名市今里1-10-12　海老名ｹｱｻﾎﾟｰﾄｾﾝﾀｰ１F・２F</t>
  </si>
  <si>
    <t>玉井　勇</t>
  </si>
  <si>
    <t>玉井小児科神経クリニック</t>
  </si>
  <si>
    <t>海老名市上今泉4-13-18</t>
  </si>
  <si>
    <t>上木　奈恵</t>
  </si>
  <si>
    <t>なえ眼科クリニック</t>
  </si>
  <si>
    <t>海老名市扇町13-1　ららぽーと海老名1F</t>
  </si>
  <si>
    <t>髙橋　浩雄</t>
  </si>
  <si>
    <t>腎健クリニック</t>
  </si>
  <si>
    <t>海老名市扇町15-1</t>
  </si>
  <si>
    <t>村藤　大樹</t>
  </si>
  <si>
    <t>海老名こども診療所</t>
  </si>
  <si>
    <t>海老名市扇町3-6　MACセントラルビル2F</t>
  </si>
  <si>
    <t>丸岡　隆二</t>
  </si>
  <si>
    <t>海老名駅前内科クリニック</t>
  </si>
  <si>
    <t>田中　栄太郎</t>
  </si>
  <si>
    <t>海老名西口糖尿病クリニック</t>
  </si>
  <si>
    <t>海老名市扇町5-8　T-CREST 2F</t>
  </si>
  <si>
    <t>小川　泰典</t>
  </si>
  <si>
    <t>小川眼科</t>
  </si>
  <si>
    <t>海老名市中央1-13-1　ビナウォーク4番館 1F</t>
  </si>
  <si>
    <t>川田　明広</t>
  </si>
  <si>
    <t>海老名ピープルクリニック</t>
  </si>
  <si>
    <t>海老名市中央1-13-1　ビナウォーク4番館中2F</t>
  </si>
  <si>
    <t>神経内科、循環器内科</t>
  </si>
  <si>
    <t>山田　博之</t>
  </si>
  <si>
    <t>えびな整形外科</t>
  </si>
  <si>
    <t>海老名市中央1-19-33-2Ｂ</t>
  </si>
  <si>
    <t>本間　啓藏</t>
  </si>
  <si>
    <t>本間眼科</t>
  </si>
  <si>
    <t>海老名市中央2-1-16-3Ｆ</t>
  </si>
  <si>
    <t>松島　新吾</t>
  </si>
  <si>
    <t>松島眼科ｸﾘﾆｯｸ</t>
  </si>
  <si>
    <t>海老名市中央2-8-31　サンシティー海老名2Ｆ</t>
  </si>
  <si>
    <t>石坂　秀夫</t>
  </si>
  <si>
    <t>海老名けやきクリニック</t>
  </si>
  <si>
    <t>海老名市中央2-8-8　池田ビル2FB号室</t>
  </si>
  <si>
    <t>大熊　幹二</t>
  </si>
  <si>
    <t>海老名胃腸内科内視鏡クリニック</t>
  </si>
  <si>
    <t>海老名市中央3-2-5　ダイエー海老名店1F</t>
  </si>
  <si>
    <t>内田　涼太</t>
  </si>
  <si>
    <t>田島　博人</t>
  </si>
  <si>
    <t>海老名田島クリニック</t>
  </si>
  <si>
    <t>海老名市中央3-3-14　静岡不動産海老名ビル２Ｆ</t>
  </si>
  <si>
    <t>米元　康蔵</t>
  </si>
  <si>
    <t>なごみ皮膚科</t>
  </si>
  <si>
    <t>海老名市中央3-4-1</t>
  </si>
  <si>
    <t>齊藤　典充</t>
  </si>
  <si>
    <t>なごみ皮ふ科</t>
  </si>
  <si>
    <t>海老名市中央3-4-1　シティースタイル1F</t>
  </si>
  <si>
    <t>アレルギー科、皮膚科</t>
  </si>
  <si>
    <t>阿南　英典</t>
  </si>
  <si>
    <t>ジャパンメディカルアライアンス　海老名総合病院</t>
  </si>
  <si>
    <t>海老名市中央4-16-1</t>
  </si>
  <si>
    <t>伊倉　崇浩</t>
  </si>
  <si>
    <t>精神科、救急科</t>
  </si>
  <si>
    <t>伊藤　謙</t>
  </si>
  <si>
    <t>井上　信幸</t>
  </si>
  <si>
    <t>榎田　啓十</t>
  </si>
  <si>
    <t>円谷　斉子</t>
  </si>
  <si>
    <t>奥本　忠之</t>
  </si>
  <si>
    <t>横山　勝也</t>
  </si>
  <si>
    <t>岡田　直人</t>
  </si>
  <si>
    <t>海老沢　里依子</t>
  </si>
  <si>
    <t>岩本　譲太郎</t>
  </si>
  <si>
    <t>宮前　拓</t>
  </si>
  <si>
    <t>去川　秀樹</t>
  </si>
  <si>
    <t>金　正</t>
  </si>
  <si>
    <t>原田　介斗</t>
  </si>
  <si>
    <t>古川　佳代子</t>
  </si>
  <si>
    <t>五十嵐　宗喜</t>
  </si>
  <si>
    <t>香取　秀幸</t>
  </si>
  <si>
    <t>高頭　健太郎</t>
  </si>
  <si>
    <t>佐藤　加代子</t>
  </si>
  <si>
    <t>佐藤　正雄</t>
  </si>
  <si>
    <t>佐藤　直和</t>
  </si>
  <si>
    <t>斎藤　崇史</t>
  </si>
  <si>
    <t>笹原　聡豊</t>
  </si>
  <si>
    <t>三浦　有紀子</t>
  </si>
  <si>
    <t>山梨　義高</t>
  </si>
  <si>
    <t>志村　国彦</t>
  </si>
  <si>
    <t>持田　譲治</t>
  </si>
  <si>
    <t>柴田　講</t>
  </si>
  <si>
    <t>小原　邦義</t>
  </si>
  <si>
    <t>小泉　有美馨</t>
  </si>
  <si>
    <t>小池　響子</t>
  </si>
  <si>
    <t>小野　由子</t>
  </si>
  <si>
    <t>小林　智範</t>
  </si>
  <si>
    <t>小林　博仁</t>
  </si>
  <si>
    <t>沼田　裕樹</t>
  </si>
  <si>
    <t>神戸 茂樹</t>
  </si>
  <si>
    <t>神山　とよみ</t>
  </si>
  <si>
    <t>水上　創</t>
  </si>
  <si>
    <t>水藤　広</t>
  </si>
  <si>
    <t>青島　朋裕</t>
  </si>
  <si>
    <t>青木　絵麻</t>
  </si>
  <si>
    <t>川村　哲夫</t>
  </si>
  <si>
    <t>相澤　大輔</t>
  </si>
  <si>
    <t>滝原　崇久</t>
  </si>
  <si>
    <t>池田　信介</t>
  </si>
  <si>
    <t>中井　暖</t>
  </si>
  <si>
    <t>中田　健人</t>
  </si>
  <si>
    <t>中野　紘</t>
  </si>
  <si>
    <t>長岡　優多</t>
  </si>
  <si>
    <t>藤本　龍太郎</t>
  </si>
  <si>
    <t>日比野　壮功</t>
  </si>
  <si>
    <t>飯田　剛幸</t>
  </si>
  <si>
    <t>平嶋　勇士</t>
  </si>
  <si>
    <t>名取　穣治</t>
  </si>
  <si>
    <t>救急集中治療科</t>
  </si>
  <si>
    <t>林　菜穂子</t>
  </si>
  <si>
    <t>鈴木　奈津子</t>
  </si>
  <si>
    <t>國重　浩二</t>
  </si>
  <si>
    <t>國重　隆生</t>
  </si>
  <si>
    <t>贄　正基</t>
  </si>
  <si>
    <t>髙垣　智紀</t>
  </si>
  <si>
    <t>原田　厚</t>
  </si>
  <si>
    <t>医療法人社団　厚成会　海老名ハートクリニック</t>
  </si>
  <si>
    <t>海老名市中新田406</t>
  </si>
  <si>
    <t>井上　香</t>
  </si>
  <si>
    <t>ジャパンメディカルアライアンス　海老名メディカルプラザ</t>
  </si>
  <si>
    <t>海老名市中新田439-1</t>
  </si>
  <si>
    <t>原　健</t>
  </si>
  <si>
    <t>向野　哲</t>
  </si>
  <si>
    <t>志村　通子</t>
  </si>
  <si>
    <t>内科、在宅診療科</t>
  </si>
  <si>
    <t>小松　昌道</t>
  </si>
  <si>
    <t>勢川　真理</t>
  </si>
  <si>
    <t>渡邉　茂樹</t>
  </si>
  <si>
    <t>福田　竜基</t>
  </si>
  <si>
    <t>齋藤　恭子</t>
  </si>
  <si>
    <t>石坂　淳</t>
  </si>
  <si>
    <t>石坂整形外科クリニック</t>
  </si>
  <si>
    <t>海老名市中新田490-2</t>
  </si>
  <si>
    <t>冨永　友也</t>
  </si>
  <si>
    <t>とみなが内科医院</t>
  </si>
  <si>
    <t>海老名市東柏ヶ谷3-13-6　さがみ野駅北口ビル2F</t>
  </si>
  <si>
    <t>長橋　和矢</t>
  </si>
  <si>
    <t>さがみ野皮膚科</t>
  </si>
  <si>
    <t>海老名市東柏ケ谷3-13-6　さがみ野駅北口ビル2F</t>
  </si>
  <si>
    <t>山名　陽一郎</t>
  </si>
  <si>
    <t>さがみ野やまなクリニック</t>
  </si>
  <si>
    <t>海老名市東柏ケ谷3-17-31</t>
  </si>
  <si>
    <t>野島　大輔</t>
  </si>
  <si>
    <t>さがみ野内科・呼吸器クリニック</t>
  </si>
  <si>
    <t>海老名市東柏ケ谷4-12-4-2Ｆ</t>
  </si>
  <si>
    <t>三谷　貴一郎</t>
  </si>
  <si>
    <t>みたに眼科クリニック</t>
  </si>
  <si>
    <t>海老名市東柏ヶ谷5-18-19</t>
  </si>
  <si>
    <t>上出　辰弘</t>
  </si>
  <si>
    <t>さがみ野中央病院</t>
  </si>
  <si>
    <t>海老名市東柏ヶ谷6-20-20</t>
  </si>
  <si>
    <t>渡辺　卓</t>
  </si>
  <si>
    <t>かしわ台駅前クリニック</t>
  </si>
  <si>
    <t>海老名市柏ケ谷2-9-39-101</t>
  </si>
  <si>
    <t>貫井　咲希</t>
  </si>
  <si>
    <t>湘陽かしわ台病院</t>
  </si>
  <si>
    <t>海老名市柏ケ谷3-11-1</t>
  </si>
  <si>
    <t>家久来　啓吾</t>
  </si>
  <si>
    <t>かくらい眼科</t>
  </si>
  <si>
    <t>海老名市柏ケ谷3-1-3</t>
  </si>
  <si>
    <t>葉梨　喬芳</t>
  </si>
  <si>
    <t>葉梨循環器内科クリニック</t>
  </si>
  <si>
    <t>海老名市柏ケ谷4-3-30</t>
  </si>
  <si>
    <t>安藤　仁</t>
  </si>
  <si>
    <t>海老名市柏ケ谷584-2</t>
  </si>
  <si>
    <t>内科、リウマチ科、感染症科</t>
  </si>
  <si>
    <t>加藤　文太</t>
  </si>
  <si>
    <t>佐々木　翔</t>
  </si>
  <si>
    <t>大島　淳</t>
  </si>
  <si>
    <t>中澤　学</t>
  </si>
  <si>
    <t>渡部　直人</t>
  </si>
  <si>
    <t>齋藤　充弘</t>
  </si>
  <si>
    <t>田中　秀樹</t>
  </si>
  <si>
    <t>オハナ糖尿病内科クリニック</t>
  </si>
  <si>
    <t>海老名市柏ケ谷640-2 1F</t>
  </si>
  <si>
    <t>葉梨　大輔</t>
  </si>
  <si>
    <t>葉梨整形外科</t>
  </si>
  <si>
    <t>海老名市柏ケ谷6-5-8</t>
  </si>
  <si>
    <t>濱田　芳郎</t>
  </si>
  <si>
    <t>海老名あおばクリニック</t>
  </si>
  <si>
    <t>海老名市本郷2209-2</t>
  </si>
  <si>
    <t>宮崎　良平</t>
  </si>
  <si>
    <t>まこと在宅クリニック神奈川県央</t>
  </si>
  <si>
    <t>座間市</t>
  </si>
  <si>
    <t>座間市さがみ野2-1-30　さがみ野ダイヤモンドマンション105</t>
  </si>
  <si>
    <t>石川　幸輔</t>
  </si>
  <si>
    <t>座間市さがみ野2-1-30　さがみ野ダイヤモンドマンション1F</t>
  </si>
  <si>
    <t>菊田　大一郎</t>
  </si>
  <si>
    <t>菊田医院</t>
  </si>
  <si>
    <t>座間市さがみ野3-1-12</t>
  </si>
  <si>
    <t>横小路　喜代司</t>
  </si>
  <si>
    <t>くりはらメディカルクリニック</t>
  </si>
  <si>
    <t>座間市栗原1199-4</t>
  </si>
  <si>
    <t>谷崎　仁俊</t>
  </si>
  <si>
    <t>座間厚生病院</t>
  </si>
  <si>
    <t>座間市栗原912-2</t>
  </si>
  <si>
    <t>二戸　茂樹</t>
  </si>
  <si>
    <t>別所　知彦</t>
  </si>
  <si>
    <t>小林　直之</t>
  </si>
  <si>
    <t>相武台ニーレンクリニック</t>
  </si>
  <si>
    <t>座間市相武台1-35-10</t>
  </si>
  <si>
    <t>内科、循環器内科、人工透析内科</t>
  </si>
  <si>
    <t>森口　いぶき</t>
  </si>
  <si>
    <t>井澤　敏明</t>
  </si>
  <si>
    <t>相模原みなみ整形外科　座間相武台前院</t>
  </si>
  <si>
    <t>座間市相武台1-35-10　相武台中央企業ビル2F</t>
  </si>
  <si>
    <t>大橋　幸一郎</t>
  </si>
  <si>
    <t>ジャパンメディカルアライアンス　 座間総合病院</t>
  </si>
  <si>
    <t>座間市相武台1-50-1</t>
  </si>
  <si>
    <t>粟根　浩一郎</t>
  </si>
  <si>
    <t>ジャパンメディカルアライアンス　座間総合病院</t>
  </si>
  <si>
    <t>遠藤　基</t>
  </si>
  <si>
    <t>横山　一彦</t>
  </si>
  <si>
    <t>笠間　毅</t>
  </si>
  <si>
    <t>人工関節・リウマチセンター</t>
  </si>
  <si>
    <t>丸野　誓子</t>
  </si>
  <si>
    <t>近藤　宰司</t>
  </si>
  <si>
    <t>人工関節・リウマチ科</t>
  </si>
  <si>
    <t>黒田　晃義</t>
  </si>
  <si>
    <t>山下　博樹</t>
  </si>
  <si>
    <t>枝松　秀尚</t>
  </si>
  <si>
    <t>小西　裕二</t>
  </si>
  <si>
    <t>小泉　正樹</t>
  </si>
  <si>
    <t>上田　康晴</t>
  </si>
  <si>
    <t>森本　克</t>
  </si>
  <si>
    <t>早川　秀輝</t>
  </si>
  <si>
    <t>草場　敦</t>
  </si>
  <si>
    <t>中脇　充章</t>
  </si>
  <si>
    <t>田所　浩</t>
  </si>
  <si>
    <t>渡　潤</t>
  </si>
  <si>
    <t>藤井　咲樹子</t>
  </si>
  <si>
    <t>萩原　英之</t>
  </si>
  <si>
    <t>木村　富彦</t>
  </si>
  <si>
    <t>鈴木　航</t>
  </si>
  <si>
    <t>高橋　洋一</t>
  </si>
  <si>
    <t>相武台リハビリテーション病院</t>
  </si>
  <si>
    <t>座間市相武台1-9-7</t>
  </si>
  <si>
    <t>小山　哲央</t>
  </si>
  <si>
    <t>相武台病院</t>
  </si>
  <si>
    <t>松田　信泰</t>
  </si>
  <si>
    <t>林　俊之</t>
  </si>
  <si>
    <t>馬來　康太郎</t>
  </si>
  <si>
    <t>馬來内科胃腸外科</t>
  </si>
  <si>
    <t>座間市相武台2-38-31</t>
  </si>
  <si>
    <t>山澤　美緒子</t>
  </si>
  <si>
    <t>降矢医院</t>
  </si>
  <si>
    <t>座間市相武台3-18-51</t>
  </si>
  <si>
    <t>工藤　治</t>
  </si>
  <si>
    <t>相武台メディカルクリニック</t>
  </si>
  <si>
    <t>座間市相武台3-27-60</t>
  </si>
  <si>
    <t>髙　誠勉（高橋　建勝）</t>
  </si>
  <si>
    <t>座間市相武台3-42-61　それいゆ相武台1Ｆ</t>
  </si>
  <si>
    <t>入澤　友輔</t>
  </si>
  <si>
    <t>入澤クリニック</t>
  </si>
  <si>
    <t>座間市相模が丘1-18-26</t>
  </si>
  <si>
    <t>永井　秀明</t>
  </si>
  <si>
    <t>永井整形外科</t>
  </si>
  <si>
    <t>座間市相模が丘1-25-1　コモンズざま1F</t>
  </si>
  <si>
    <t>鴇田　尚樹</t>
  </si>
  <si>
    <t>医療法人　アイビス</t>
  </si>
  <si>
    <t>座間市相模が丘3-53-10</t>
  </si>
  <si>
    <t>佐藤　道子</t>
  </si>
  <si>
    <t>佐藤内科</t>
  </si>
  <si>
    <t>座間市相模が丘4-19-18</t>
  </si>
  <si>
    <t>茂木　好則</t>
  </si>
  <si>
    <t>相模が丘内科</t>
  </si>
  <si>
    <t>座間市相模が丘5-42-10　デリス相模が丘102</t>
  </si>
  <si>
    <t>内科、消化器科、外科、こう門科</t>
  </si>
  <si>
    <t>武長　実</t>
  </si>
  <si>
    <t>武長眼科</t>
  </si>
  <si>
    <t>座間市相模が丘5-42-10　デリス相模が丘1F103</t>
  </si>
  <si>
    <t>塚原　信也</t>
  </si>
  <si>
    <t>塚原クリニック</t>
  </si>
  <si>
    <t>座間市相模が丘5-5-7　ブリリア小田急相模原105</t>
  </si>
  <si>
    <t>丸　典夫</t>
  </si>
  <si>
    <t>相模台病院</t>
  </si>
  <si>
    <t>座間市相模が丘6-24-28</t>
  </si>
  <si>
    <t>原田　正平</t>
  </si>
  <si>
    <t>山上　達也</t>
  </si>
  <si>
    <t>清水　寛</t>
  </si>
  <si>
    <t>石田　倫也</t>
  </si>
  <si>
    <t>前田　育恵</t>
  </si>
  <si>
    <t>朝隈　麻衣子</t>
  </si>
  <si>
    <t>里田　誠</t>
  </si>
  <si>
    <t>さとだ内科クリニック</t>
  </si>
  <si>
    <t>座間市入谷西3-18-1　座間駅前クリニックビル1F101</t>
  </si>
  <si>
    <t>渡邊　竜樹</t>
  </si>
  <si>
    <t>座間整形外科</t>
  </si>
  <si>
    <t>座間市入谷西3-18-1 座間駅前クリニックビル2F</t>
  </si>
  <si>
    <t>鈴木　裕太</t>
  </si>
  <si>
    <t>ざま眼科クリニック</t>
  </si>
  <si>
    <t>座間市入谷西3-19-23</t>
  </si>
  <si>
    <t>井上　浩</t>
  </si>
  <si>
    <t>井上整形外科</t>
  </si>
  <si>
    <t>座間市入谷西4-2-6</t>
  </si>
  <si>
    <t>高山　吉弘</t>
  </si>
  <si>
    <t>谷戸山の森内科クリニック</t>
  </si>
  <si>
    <t>座間市入谷東2-6-23</t>
  </si>
  <si>
    <t>土岐　卓也</t>
  </si>
  <si>
    <t>とき内科クリニック座間駅前</t>
  </si>
  <si>
    <t>座間市入谷東4-54-31　ホワイトパレットビル3F</t>
  </si>
  <si>
    <t>内科、内分泌代謝内科</t>
  </si>
  <si>
    <t>久下　壮一</t>
  </si>
  <si>
    <t>竹川胃腸科医院</t>
  </si>
  <si>
    <t>座間市立野台2-3-6</t>
  </si>
  <si>
    <t>江林　明志</t>
  </si>
  <si>
    <t>立野台内科クリニック</t>
  </si>
  <si>
    <t>座間市立野台3-14-5</t>
  </si>
  <si>
    <t>内科、消化器内科、肝臓内科、内視鏡内科</t>
  </si>
  <si>
    <t>松山　斉久</t>
  </si>
  <si>
    <t>マザーホームクリニック</t>
  </si>
  <si>
    <t>座間市緑ヶ丘2-1-15-3</t>
  </si>
  <si>
    <t>岩川　裕明</t>
  </si>
  <si>
    <t>座間市緑ケ丘2-1-15-3</t>
  </si>
  <si>
    <t>廣井　喜一</t>
  </si>
  <si>
    <t>広井内科医院</t>
  </si>
  <si>
    <t>座間市緑ヶ丘4-7-7</t>
  </si>
  <si>
    <t>消化器内科、肝臓内科</t>
  </si>
  <si>
    <t>阿部　和弘</t>
  </si>
  <si>
    <t>南足柄クリニック</t>
  </si>
  <si>
    <t>南足柄市</t>
  </si>
  <si>
    <t>南足柄市関本565-5　ヴェルミ1  3F</t>
  </si>
  <si>
    <t>大森　元</t>
  </si>
  <si>
    <t>南足柄レディースクリニック</t>
  </si>
  <si>
    <t>南足柄市関本565-5　ヴェルミ1　204号</t>
  </si>
  <si>
    <t>産婦人科、老年精神科</t>
  </si>
  <si>
    <t>石川　暢子</t>
  </si>
  <si>
    <t>安藤眼科医院南足柄クリニック</t>
  </si>
  <si>
    <t>南足柄市関本569　ヴェルミ２　1F</t>
  </si>
  <si>
    <t>荻野　哲夫</t>
  </si>
  <si>
    <t>おぎの整形外科・歯科</t>
  </si>
  <si>
    <t>南足柄市関本750-1</t>
  </si>
  <si>
    <t>鈴木　麻未</t>
  </si>
  <si>
    <t>鈴木医院</t>
  </si>
  <si>
    <t>南足柄市関本930</t>
  </si>
  <si>
    <t>河野　典博</t>
  </si>
  <si>
    <t>こうの内科クリニック</t>
  </si>
  <si>
    <t>南足柄市岩原180ー1</t>
  </si>
  <si>
    <t>伊津野　久紀</t>
  </si>
  <si>
    <t>富士フイルム健康管理センター</t>
  </si>
  <si>
    <t>南足柄市狩野681</t>
  </si>
  <si>
    <t>横山　知子</t>
  </si>
  <si>
    <t>諸橋　大樹</t>
  </si>
  <si>
    <t>川並　義也</t>
  </si>
  <si>
    <t>井上　育夫</t>
  </si>
  <si>
    <t>いのうえクリニック</t>
  </si>
  <si>
    <t>南足柄市沼田97-1</t>
  </si>
  <si>
    <t>内科、外科、こう門科</t>
  </si>
  <si>
    <t>中谷　隆三</t>
  </si>
  <si>
    <t>北小田原病院</t>
  </si>
  <si>
    <t>南足柄市矢倉沢625</t>
  </si>
  <si>
    <t>塚本　和久</t>
  </si>
  <si>
    <t>山﨑　潤</t>
  </si>
  <si>
    <t>原クリニック</t>
  </si>
  <si>
    <t>綾瀬市</t>
  </si>
  <si>
    <t>綾瀬市寺尾釜田1-1-8</t>
  </si>
  <si>
    <t>町田　展章</t>
  </si>
  <si>
    <t>三神　俊史</t>
  </si>
  <si>
    <t>矢崎胃腸外科</t>
  </si>
  <si>
    <t>綾瀬市上土棚中1-1-16</t>
  </si>
  <si>
    <t>安齋　和也</t>
  </si>
  <si>
    <t>綾瀬藤沢原クリニック内科・内視鏡内科・整形外科</t>
  </si>
  <si>
    <t>綾瀬市上土棚中4-1-108</t>
  </si>
  <si>
    <t>鈴木　宙</t>
  </si>
  <si>
    <t>新井　哲</t>
  </si>
  <si>
    <t>綾瀬厚生病院</t>
  </si>
  <si>
    <t>綾瀬市深谷3815</t>
  </si>
  <si>
    <t>中島　貴之</t>
  </si>
  <si>
    <t>綾瀬消化器内科クリニック</t>
  </si>
  <si>
    <t>綾瀬市深谷中1-16-35　HANDS+ 2F</t>
  </si>
  <si>
    <t>菊池　公孝</t>
  </si>
  <si>
    <t>綾瀬市深谷中1-4-16</t>
  </si>
  <si>
    <t>上杉　成人</t>
  </si>
  <si>
    <t>相澤　智史</t>
  </si>
  <si>
    <t>田中　圭一</t>
  </si>
  <si>
    <t>渡邉　未央</t>
  </si>
  <si>
    <t>寺田　典生</t>
  </si>
  <si>
    <t>とうめい綾瀬腎クリニック</t>
  </si>
  <si>
    <t>綾瀬市深谷中1-8-20</t>
  </si>
  <si>
    <t>早川　信崇</t>
  </si>
  <si>
    <t>きくち総合診療クリニック</t>
  </si>
  <si>
    <t>綾瀬市深谷中7-18-2　ライズモール綾瀬1F</t>
  </si>
  <si>
    <t>河合　裕美</t>
  </si>
  <si>
    <t>あやせ整形外科・眼科</t>
  </si>
  <si>
    <t>綾瀬市早川城山1-3-2</t>
  </si>
  <si>
    <t>伊藤　薫</t>
  </si>
  <si>
    <t>あやせ訪問クリニック</t>
  </si>
  <si>
    <t>綾瀬市早川城山2-13-5　ヴィラ城山1F</t>
  </si>
  <si>
    <t>加藤　秀継</t>
  </si>
  <si>
    <t>加藤メディカル・アーツ・クリニック</t>
  </si>
  <si>
    <t>葉山町</t>
  </si>
  <si>
    <t>三浦郡葉山町一色1532</t>
  </si>
  <si>
    <t>石原　淳治</t>
  </si>
  <si>
    <t>湘南葉山デイケアクリニック</t>
  </si>
  <si>
    <t>三浦郡葉山町一色1746-2</t>
  </si>
  <si>
    <t>磯貝　尚子</t>
  </si>
  <si>
    <t>葉山ハートセンター</t>
  </si>
  <si>
    <t>三浦郡葉山町下山口1898-1</t>
  </si>
  <si>
    <t>河内　順</t>
  </si>
  <si>
    <t>佐竹　修太郎</t>
  </si>
  <si>
    <t>廣江　吉隆</t>
  </si>
  <si>
    <t>齋藤　快児</t>
  </si>
  <si>
    <t>腎・代謝内科</t>
  </si>
  <si>
    <t>稲垣　栄次</t>
  </si>
  <si>
    <t>長柄診療所</t>
  </si>
  <si>
    <t>三浦郡葉山町長柄849</t>
  </si>
  <si>
    <t>富田　隆太郎</t>
  </si>
  <si>
    <t>葉山とみた整形外科クリニック</t>
  </si>
  <si>
    <t>三浦郡葉山町長柄863-8</t>
  </si>
  <si>
    <t>宮村　香代子</t>
  </si>
  <si>
    <t>ののはなクリニック</t>
  </si>
  <si>
    <t>三浦郡葉山町堀内1735-52</t>
  </si>
  <si>
    <t>後藤　洋平</t>
  </si>
  <si>
    <t>寒川ごとう眼科</t>
  </si>
  <si>
    <t>寒川町</t>
  </si>
  <si>
    <t>高座郡寒川町一之宮1-4-6</t>
  </si>
  <si>
    <t>富田　一郎</t>
  </si>
  <si>
    <t>さむかわ富田クリニック</t>
  </si>
  <si>
    <t>高座郡寒川町一之宮1-9-2</t>
  </si>
  <si>
    <t>内科、外科、皮膚科、こう門科、消化器内科</t>
  </si>
  <si>
    <t>吉田　豊治</t>
  </si>
  <si>
    <t>とよじメディカルクリニック</t>
  </si>
  <si>
    <t>高座郡寒川町岡田1-5-7　Ｒｉｄｅａｕ　1F</t>
  </si>
  <si>
    <t>内科、腎臓内科、人工透析内科</t>
  </si>
  <si>
    <t>原田　純一</t>
  </si>
  <si>
    <t>原田医院</t>
  </si>
  <si>
    <t>高座郡寒川町岡田3-7-35</t>
  </si>
  <si>
    <t>齊藤　昭雄</t>
  </si>
  <si>
    <t>さいとう眼科医院</t>
  </si>
  <si>
    <t>高座郡寒川町岡田3-7-47-1F</t>
  </si>
  <si>
    <t>髙山　慶一郎</t>
  </si>
  <si>
    <t>高山産婦人科・内科</t>
  </si>
  <si>
    <t>高座郡寒川町岡田5-5-8　湘南寒川医療モール2F</t>
  </si>
  <si>
    <t>井内　卓次郎</t>
  </si>
  <si>
    <t>寒川病院</t>
  </si>
  <si>
    <t>高座郡寒川町宮山193</t>
  </si>
  <si>
    <t>丸山　真弓</t>
  </si>
  <si>
    <t>栗田　啓司</t>
  </si>
  <si>
    <t>斎藤　裕</t>
  </si>
  <si>
    <t>三谷　玄弥</t>
  </si>
  <si>
    <t>大上　麻由里</t>
  </si>
  <si>
    <t>木勢　佳史</t>
  </si>
  <si>
    <t>木勢　由利子</t>
  </si>
  <si>
    <t>永田　真一</t>
  </si>
  <si>
    <t>永田外科</t>
  </si>
  <si>
    <t>高座郡寒川町倉見3793-3</t>
  </si>
  <si>
    <t>磯﨑　雄大</t>
  </si>
  <si>
    <t>湘南大磯病院</t>
  </si>
  <si>
    <t>大磯町</t>
  </si>
  <si>
    <t>中郡大磯町月京21-1</t>
  </si>
  <si>
    <t>亀津　優</t>
  </si>
  <si>
    <t>吉原　四方</t>
  </si>
  <si>
    <t>及川　健一</t>
  </si>
  <si>
    <t>権藤　学司</t>
  </si>
  <si>
    <t>戸矢　智之</t>
  </si>
  <si>
    <t>戸邉　駿一</t>
  </si>
  <si>
    <t>小笠原 頌太</t>
  </si>
  <si>
    <t>須藤　隆二</t>
  </si>
  <si>
    <t>杉山　悟</t>
  </si>
  <si>
    <t>菅原　眞治</t>
  </si>
  <si>
    <t>石橋　はるか</t>
  </si>
  <si>
    <t>中村　健司</t>
  </si>
  <si>
    <t>島田　英雄</t>
  </si>
  <si>
    <t>徳永　正俊</t>
  </si>
  <si>
    <t>柏木　宏之</t>
  </si>
  <si>
    <t>富井　裕治</t>
  </si>
  <si>
    <t>髙橋　佐枝子</t>
  </si>
  <si>
    <t>髙橋　若生</t>
  </si>
  <si>
    <t>濵　雅文</t>
  </si>
  <si>
    <t>月京クリニック</t>
  </si>
  <si>
    <t>中郡大磯町月京9-11</t>
  </si>
  <si>
    <t>齋藤　元伸</t>
  </si>
  <si>
    <t>さいとうクリニック</t>
  </si>
  <si>
    <t>中郡大磯町大磯1071-1</t>
  </si>
  <si>
    <t>内科、外科、消化器内科、内視鏡科、肛門科</t>
  </si>
  <si>
    <t>藤田　幸子</t>
  </si>
  <si>
    <t>藤田眼科クリニック</t>
  </si>
  <si>
    <t>中郡大磯町大磯1188</t>
  </si>
  <si>
    <t>脇　広昂</t>
  </si>
  <si>
    <t>脇内科クリニック</t>
  </si>
  <si>
    <t>中郡大磯町大磯1562</t>
  </si>
  <si>
    <t>大谷　泰雄</t>
  </si>
  <si>
    <t>大谷クリニック</t>
  </si>
  <si>
    <t>中郡大磯町大磯962-1 吉川ビル2Ｆ</t>
  </si>
  <si>
    <t>村上　眞紀</t>
  </si>
  <si>
    <t>二宮眼科クリニック</t>
  </si>
  <si>
    <t>二宮町</t>
  </si>
  <si>
    <t>中郡二宮町中里2-10-8</t>
  </si>
  <si>
    <t>安藤　豪</t>
  </si>
  <si>
    <t>二宮胃腸内科クリニック</t>
  </si>
  <si>
    <t>中郡二宮町中里989-７</t>
  </si>
  <si>
    <t>住田　洋一</t>
  </si>
  <si>
    <t>住田医院</t>
  </si>
  <si>
    <t>中郡二宮町二宮122-8</t>
  </si>
  <si>
    <t>原山　大樹</t>
  </si>
  <si>
    <t>二宮しおみクリニック</t>
  </si>
  <si>
    <t>中郡二宮町二宮479-5</t>
  </si>
  <si>
    <t>藤崎　智隆</t>
  </si>
  <si>
    <t>望星二宮クリニック</t>
  </si>
  <si>
    <t>中郡二宮町二宮769</t>
  </si>
  <si>
    <t>定本　貴明</t>
  </si>
  <si>
    <t>さだもとクリニック</t>
  </si>
  <si>
    <t>中郡二宮町二宮821-30</t>
  </si>
  <si>
    <t>定本　清美</t>
  </si>
  <si>
    <t>竹末　良三</t>
  </si>
  <si>
    <t>たけすえ小児科</t>
  </si>
  <si>
    <t>中郡二宮町二宮904-6</t>
  </si>
  <si>
    <t>倉田　季代子</t>
  </si>
  <si>
    <t>百合が丘クリニック</t>
  </si>
  <si>
    <t>中郡二宮町百合が丘2-1-2</t>
  </si>
  <si>
    <t>安野　憲一</t>
  </si>
  <si>
    <t>佐藤病院</t>
  </si>
  <si>
    <t>大井町</t>
  </si>
  <si>
    <t>足柄上郡大井町金子1922-3</t>
  </si>
  <si>
    <t>前川　出</t>
  </si>
  <si>
    <t>まえかわクリニック</t>
  </si>
  <si>
    <t>足柄上郡大井町金子2601-1</t>
  </si>
  <si>
    <t>鍵和田　直子</t>
  </si>
  <si>
    <t>友和クリニック</t>
  </si>
  <si>
    <t>足柄上郡大井町金手127</t>
  </si>
  <si>
    <t>武田　剛一</t>
  </si>
  <si>
    <t>佐藤　弘樹</t>
  </si>
  <si>
    <t>佐藤内科医院</t>
  </si>
  <si>
    <t>松田町</t>
  </si>
  <si>
    <t>足柄上郡松田町松田惣領1333</t>
  </si>
  <si>
    <t>加藤　佳央</t>
  </si>
  <si>
    <t>神奈川県立足柄上病院</t>
  </si>
  <si>
    <t>足柄上郡松田町松田惣領866-1</t>
  </si>
  <si>
    <t>釜田　祥史</t>
  </si>
  <si>
    <t>吉江　浩一郎</t>
  </si>
  <si>
    <t>清水　智文</t>
  </si>
  <si>
    <t>青木　理加</t>
  </si>
  <si>
    <t>内藤　誠</t>
  </si>
  <si>
    <t>波良　勝裕</t>
  </si>
  <si>
    <t>尾下　文浩</t>
  </si>
  <si>
    <t>北川　太郎</t>
  </si>
  <si>
    <t>柳橋　崇史</t>
  </si>
  <si>
    <t>内科、消化器内科、総合診療科</t>
  </si>
  <si>
    <t>鈴木　喜裕</t>
  </si>
  <si>
    <t>國司　洋佑</t>
  </si>
  <si>
    <t>濱田　幸一</t>
  </si>
  <si>
    <t>安藤　展代</t>
  </si>
  <si>
    <t>安藤眼科医院</t>
  </si>
  <si>
    <t>足柄上郡松田町松田惣領965-1</t>
  </si>
  <si>
    <t>近藤　亜紀</t>
  </si>
  <si>
    <t>戸野塚　敏恵</t>
  </si>
  <si>
    <t>江口　亮</t>
  </si>
  <si>
    <t>辻　明</t>
  </si>
  <si>
    <t>羽尾　義輝</t>
  </si>
  <si>
    <t>おひさまクリニック開成</t>
  </si>
  <si>
    <t>開成町</t>
  </si>
  <si>
    <t>足柄上郡開成町みなみ1-23-3-1F</t>
  </si>
  <si>
    <t>草山　喜洋</t>
  </si>
  <si>
    <t>開成くさやま整形外科リハビリクリニック</t>
  </si>
  <si>
    <t>足柄上郡開成町みなみ4-5-7</t>
  </si>
  <si>
    <t>髙田　龍介</t>
  </si>
  <si>
    <t>あじさい内視鏡クリニック</t>
  </si>
  <si>
    <t>足柄上郡開成町みなみ5-4-17</t>
  </si>
  <si>
    <t>大熊　正彦</t>
  </si>
  <si>
    <t>大熊整形外科</t>
  </si>
  <si>
    <t>足柄上郡開成町延沢778-1</t>
  </si>
  <si>
    <t>笠木　靖夫</t>
  </si>
  <si>
    <t>眼科さくらクリニック</t>
  </si>
  <si>
    <t>足柄上郡開成町延沢866-1</t>
  </si>
  <si>
    <t>小泉　健一</t>
  </si>
  <si>
    <t>小泉クリニック</t>
  </si>
  <si>
    <t>足柄上郡開成町吉田島4352-3ザ・開成プレイス1Ｆ</t>
  </si>
  <si>
    <t>郡司　健</t>
  </si>
  <si>
    <t>足柄上郡開成町牛島270</t>
  </si>
  <si>
    <t>玉山　容碩</t>
  </si>
  <si>
    <t>白鴎医院</t>
  </si>
  <si>
    <t>内科、リウマチ科、人工透析内科</t>
  </si>
  <si>
    <t>今吉　鈴子</t>
  </si>
  <si>
    <t>足柄きんとき在宅クリニック</t>
  </si>
  <si>
    <t>足柄上郡開成町金井島1966</t>
  </si>
  <si>
    <t>横川　和夫</t>
  </si>
  <si>
    <t>高台病院</t>
  </si>
  <si>
    <t>足柄上郡開成町金井島1983</t>
  </si>
  <si>
    <t>橋詰　晴敏</t>
  </si>
  <si>
    <t>石沢　正弘</t>
  </si>
  <si>
    <t>長谷川　鐘大</t>
  </si>
  <si>
    <t>尾泉　博</t>
  </si>
  <si>
    <t>尾泉内科医院</t>
  </si>
  <si>
    <t>箱根町</t>
  </si>
  <si>
    <t>足柄下郡箱根町宮城野622</t>
  </si>
  <si>
    <t>永井　努</t>
  </si>
  <si>
    <t>箱根リハビリテーション病院</t>
  </si>
  <si>
    <t>足柄下郡箱根町仙石原1285</t>
  </si>
  <si>
    <t>内科、リハビリテーション科</t>
  </si>
  <si>
    <t>吉田　知司</t>
  </si>
  <si>
    <t>箱根吉田整形外科</t>
  </si>
  <si>
    <t>足柄下郡箱根町湯本498-9</t>
  </si>
  <si>
    <t>赤松　遼一</t>
  </si>
  <si>
    <t>真鶴町国民健康保険診療所</t>
  </si>
  <si>
    <t>真鶴町</t>
  </si>
  <si>
    <t>足柄下郡真鶴町真鶴475-1</t>
  </si>
  <si>
    <t>内分泌・糖尿病</t>
  </si>
  <si>
    <t>三宅　武史</t>
  </si>
  <si>
    <t>湯河原クリニック</t>
  </si>
  <si>
    <t>湯河原町</t>
  </si>
  <si>
    <t>足柄下郡湯河原町吉浜1917-1</t>
  </si>
  <si>
    <t>前田　裕次</t>
  </si>
  <si>
    <t>小松　孝義</t>
  </si>
  <si>
    <t>こまつクリニック</t>
  </si>
  <si>
    <t>足柄下郡湯河原町宮上50-8</t>
  </si>
  <si>
    <t>山口　浩彦</t>
  </si>
  <si>
    <t>山口外科医院</t>
  </si>
  <si>
    <t>足柄下郡湯河原町鍛冶屋193</t>
  </si>
  <si>
    <t>胃腸科、外科、皮膚科、こう門科</t>
  </si>
  <si>
    <t>吉田　今日子</t>
  </si>
  <si>
    <t>JCHO湯河原病院</t>
  </si>
  <si>
    <t>足柄下郡湯河原町中央2-21-6</t>
  </si>
  <si>
    <t>岩田　哲史</t>
  </si>
  <si>
    <t>湯河原病院</t>
  </si>
  <si>
    <t>吉田　勇治</t>
  </si>
  <si>
    <t>十字　琢夫</t>
  </si>
  <si>
    <t>星地　亜都司</t>
  </si>
  <si>
    <t>道下　和彦</t>
  </si>
  <si>
    <t>後藤　領</t>
  </si>
  <si>
    <t>後藤耳鼻咽喉科クリニック</t>
  </si>
  <si>
    <t>足柄下郡湯河原町中央2-5-6</t>
  </si>
  <si>
    <t>湯河原中央温泉病院</t>
  </si>
  <si>
    <t>足柄下郡湯河原町中央4-11-2</t>
  </si>
  <si>
    <t>青木　和弘</t>
  </si>
  <si>
    <t>廣田　健</t>
  </si>
  <si>
    <t>中井　理科</t>
  </si>
  <si>
    <t>ゆがわら眼科医院</t>
  </si>
  <si>
    <t>足柄下郡湯河原町土肥1-3-10</t>
  </si>
  <si>
    <t>大林　由明</t>
  </si>
  <si>
    <t>訪問診療めじろクリニック</t>
  </si>
  <si>
    <t>足柄下郡湯河原町土肥2-19-28　マリンビュー湯河原1F</t>
  </si>
  <si>
    <t>大林　梨佳</t>
  </si>
  <si>
    <t>永田　仁</t>
  </si>
  <si>
    <t>湯河原胃腸病院</t>
  </si>
  <si>
    <t>足柄下郡湯河原町土肥4-3-1</t>
  </si>
  <si>
    <t>成宮　孝祐</t>
  </si>
  <si>
    <t>消化器・一般外科</t>
  </si>
  <si>
    <t>栗原　崇</t>
  </si>
  <si>
    <t>くりはら眼科</t>
  </si>
  <si>
    <t>足柄下郡湯河原町門川441-1</t>
  </si>
  <si>
    <t>岸原　絵梨子</t>
  </si>
  <si>
    <t>関根医院</t>
  </si>
  <si>
    <t>愛川町</t>
  </si>
  <si>
    <t>愛甲郡愛川町角田1343-1</t>
  </si>
  <si>
    <t>喜多　寛俊</t>
  </si>
  <si>
    <t>愛川北部病院</t>
  </si>
  <si>
    <t>愛甲郡愛川町角田281-1</t>
  </si>
  <si>
    <t>窪田　信行</t>
  </si>
  <si>
    <t>村本　将俊</t>
  </si>
  <si>
    <t>愛川クリニック</t>
  </si>
  <si>
    <t>愛甲郡愛川町中津2035-1</t>
  </si>
  <si>
    <t>加藤　麻祐子</t>
  </si>
  <si>
    <t>愛川つつじ糖尿病内科</t>
  </si>
  <si>
    <t>愛甲郡愛川町中津3394-1</t>
  </si>
  <si>
    <t>早房　良</t>
  </si>
  <si>
    <t>堀内　達視</t>
  </si>
  <si>
    <t>愛川つづじ糖尿病内科</t>
  </si>
  <si>
    <t>新藤　裕実子</t>
  </si>
  <si>
    <t>ユノクリニック</t>
  </si>
  <si>
    <t>愛甲郡愛川町中津818-1</t>
  </si>
  <si>
    <t>日髙　聖</t>
  </si>
  <si>
    <t>あつぎ脳神経外科</t>
  </si>
  <si>
    <t>愛甲郡愛川町中津973-2</t>
  </si>
  <si>
    <t>内田 祐司</t>
    <phoneticPr fontId="2"/>
  </si>
  <si>
    <t>角野　禎子</t>
    <phoneticPr fontId="2"/>
  </si>
  <si>
    <t>𠮷場　史朗</t>
    <phoneticPr fontId="2"/>
  </si>
  <si>
    <t>白鷗医院</t>
    <phoneticPr fontId="2"/>
  </si>
  <si>
    <t>海老名市めぐみ町3-1 ViNA GARDENS PERCH 8F</t>
    <phoneticPr fontId="2"/>
  </si>
  <si>
    <t>藤沢市南藤沢18-1　グレイシャスK南藤沢6F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gge&quot;年&quot;m&quot;月&quot;d&quot;日&quot;;@"/>
    <numFmt numFmtId="177" formatCode="yyyy&quot;年&quot;m&quot;月&quot;d&quot;日&quot;;@"/>
  </numFmts>
  <fonts count="19">
    <font>
      <sz val="12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2"/>
      <name val="ＭＳ 明朝"/>
      <family val="1"/>
      <charset val="128"/>
    </font>
    <font>
      <b/>
      <sz val="12"/>
      <color theme="1"/>
      <name val="ＭＳ Ｐゴシック"/>
      <family val="3"/>
      <charset val="128"/>
    </font>
    <font>
      <sz val="6"/>
      <name val="ＭＳ 明朝"/>
      <family val="1"/>
      <charset val="128"/>
    </font>
    <font>
      <b/>
      <sz val="12"/>
      <name val="ＭＳ Ｐゴシック"/>
      <family val="3"/>
      <charset val="128"/>
    </font>
    <font>
      <sz val="6"/>
      <name val="ＭＳ 明朝"/>
      <family val="2"/>
      <charset val="128"/>
    </font>
    <font>
      <b/>
      <sz val="12"/>
      <color theme="1"/>
      <name val="游ゴシック"/>
      <family val="3"/>
      <charset val="128"/>
      <scheme val="minor"/>
    </font>
    <font>
      <b/>
      <sz val="12"/>
      <name val="游ゴシック"/>
      <family val="3"/>
      <charset val="128"/>
      <scheme val="minor"/>
    </font>
    <font>
      <sz val="12"/>
      <name val="ＭＳ Ｐゴシック"/>
      <family val="3"/>
      <charset val="128"/>
    </font>
    <font>
      <sz val="12"/>
      <name val="ＭＳ 明朝"/>
      <family val="2"/>
      <charset val="128"/>
    </font>
    <font>
      <b/>
      <sz val="11"/>
      <name val="游ゴシック"/>
      <family val="3"/>
      <charset val="128"/>
      <scheme val="minor"/>
    </font>
    <font>
      <sz val="12"/>
      <color rgb="FFFF0000"/>
      <name val="ＭＳ 明朝"/>
      <family val="1"/>
      <charset val="128"/>
    </font>
    <font>
      <sz val="12"/>
      <color theme="9" tint="-0.499984740745262"/>
      <name val="ＭＳ 明朝"/>
      <family val="1"/>
      <charset val="128"/>
    </font>
    <font>
      <sz val="12"/>
      <color theme="1"/>
      <name val="游ゴシック"/>
      <family val="3"/>
      <charset val="128"/>
      <scheme val="minor"/>
    </font>
    <font>
      <sz val="12"/>
      <name val="游ゴシック"/>
      <family val="3"/>
      <charset val="128"/>
      <scheme val="minor"/>
    </font>
    <font>
      <b/>
      <sz val="10"/>
      <name val="游ゴシック"/>
      <family val="3"/>
      <charset val="128"/>
      <scheme val="minor"/>
    </font>
    <font>
      <b/>
      <sz val="9"/>
      <name val="游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CC00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51">
    <xf numFmtId="0" fontId="0" fillId="0" borderId="0" xfId="0">
      <alignment vertical="center"/>
    </xf>
    <xf numFmtId="0" fontId="1" fillId="0" borderId="0" xfId="1" applyAlignment="1">
      <alignment vertical="center" wrapText="1"/>
    </xf>
    <xf numFmtId="0" fontId="3" fillId="0" borderId="0" xfId="1" applyFont="1" applyAlignment="1">
      <alignment vertical="center" shrinkToFit="1"/>
    </xf>
    <xf numFmtId="49" fontId="3" fillId="0" borderId="0" xfId="1" applyNumberFormat="1" applyFont="1">
      <alignment vertical="center"/>
    </xf>
    <xf numFmtId="176" fontId="3" fillId="0" borderId="0" xfId="1" applyNumberFormat="1" applyFont="1" applyAlignment="1">
      <alignment horizontal="right" vertical="center" wrapText="1"/>
    </xf>
    <xf numFmtId="0" fontId="3" fillId="0" borderId="0" xfId="1" applyFont="1" applyAlignment="1">
      <alignment vertical="center" wrapText="1"/>
    </xf>
    <xf numFmtId="0" fontId="4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/>
    </xf>
    <xf numFmtId="0" fontId="8" fillId="0" borderId="1" xfId="0" applyFont="1" applyBorder="1">
      <alignment vertical="center"/>
    </xf>
    <xf numFmtId="0" fontId="9" fillId="0" borderId="1" xfId="1" applyFont="1" applyBorder="1" applyAlignment="1">
      <alignment vertical="center" shrinkToFit="1"/>
    </xf>
    <xf numFmtId="49" fontId="9" fillId="0" borderId="1" xfId="1" applyNumberFormat="1" applyFont="1" applyBorder="1" applyAlignment="1">
      <alignment vertical="center" wrapText="1" shrinkToFit="1"/>
    </xf>
    <xf numFmtId="177" fontId="9" fillId="0" borderId="1" xfId="0" applyNumberFormat="1" applyFont="1" applyBorder="1">
      <alignment vertical="center"/>
    </xf>
    <xf numFmtId="0" fontId="9" fillId="0" borderId="1" xfId="0" applyFont="1" applyBorder="1">
      <alignment vertical="center"/>
    </xf>
    <xf numFmtId="0" fontId="9" fillId="0" borderId="1" xfId="0" applyFont="1" applyBorder="1" applyAlignment="1">
      <alignment vertical="center" shrinkToFit="1"/>
    </xf>
    <xf numFmtId="0" fontId="9" fillId="0" borderId="1" xfId="1" applyFont="1" applyBorder="1" applyAlignment="1">
      <alignment vertical="center" wrapText="1"/>
    </xf>
    <xf numFmtId="0" fontId="9" fillId="0" borderId="1" xfId="0" applyFont="1" applyBorder="1" applyAlignment="1">
      <alignment vertical="center" wrapText="1" shrinkToFit="1"/>
    </xf>
    <xf numFmtId="0" fontId="10" fillId="0" borderId="0" xfId="1" applyFont="1" applyAlignment="1">
      <alignment vertical="center" wrapText="1"/>
    </xf>
    <xf numFmtId="0" fontId="9" fillId="0" borderId="1" xfId="1" applyFont="1" applyBorder="1" applyAlignment="1">
      <alignment vertical="center" wrapText="1" shrinkToFit="1"/>
    </xf>
    <xf numFmtId="0" fontId="8" fillId="0" borderId="1" xfId="0" applyFont="1" applyBorder="1" applyAlignment="1">
      <alignment vertical="center" shrinkToFit="1"/>
    </xf>
    <xf numFmtId="177" fontId="8" fillId="0" borderId="1" xfId="0" applyNumberFormat="1" applyFont="1" applyBorder="1">
      <alignment vertical="center"/>
    </xf>
    <xf numFmtId="0" fontId="9" fillId="0" borderId="1" xfId="0" applyFont="1" applyBorder="1" applyAlignment="1">
      <alignment vertical="center" wrapText="1"/>
    </xf>
    <xf numFmtId="0" fontId="8" fillId="0" borderId="1" xfId="0" applyFont="1" applyBorder="1" applyAlignment="1">
      <alignment vertical="center" wrapText="1"/>
    </xf>
    <xf numFmtId="0" fontId="11" fillId="0" borderId="0" xfId="0" applyFont="1" applyAlignment="1">
      <alignment vertical="center" wrapText="1"/>
    </xf>
    <xf numFmtId="0" fontId="9" fillId="0" borderId="1" xfId="1" applyFont="1" applyBorder="1" applyAlignment="1">
      <alignment horizontal="left" vertical="center" wrapText="1"/>
    </xf>
    <xf numFmtId="0" fontId="9" fillId="0" borderId="1" xfId="1" applyFont="1" applyBorder="1" applyAlignment="1">
      <alignment horizontal="left" vertical="center" shrinkToFit="1"/>
    </xf>
    <xf numFmtId="0" fontId="9" fillId="3" borderId="1" xfId="1" applyFont="1" applyFill="1" applyBorder="1" applyAlignment="1">
      <alignment vertical="center" shrinkToFit="1"/>
    </xf>
    <xf numFmtId="49" fontId="9" fillId="0" borderId="1" xfId="1" applyNumberFormat="1" applyFont="1" applyBorder="1" applyAlignment="1">
      <alignment vertical="center" shrinkToFit="1"/>
    </xf>
    <xf numFmtId="49" fontId="9" fillId="0" borderId="1" xfId="0" applyNumberFormat="1" applyFont="1" applyBorder="1" applyAlignment="1">
      <alignment vertical="center" shrinkToFit="1"/>
    </xf>
    <xf numFmtId="0" fontId="3" fillId="0" borderId="0" xfId="1" applyFont="1" applyAlignment="1">
      <alignment vertical="center" wrapText="1" shrinkToFit="1"/>
    </xf>
    <xf numFmtId="49" fontId="9" fillId="0" borderId="1" xfId="1" applyNumberFormat="1" applyFont="1" applyBorder="1">
      <alignment vertical="center"/>
    </xf>
    <xf numFmtId="0" fontId="12" fillId="0" borderId="1" xfId="1" applyFont="1" applyBorder="1" applyAlignment="1">
      <alignment vertical="center" shrinkToFit="1"/>
    </xf>
    <xf numFmtId="0" fontId="13" fillId="0" borderId="0" xfId="1" applyFont="1" applyAlignment="1">
      <alignment vertical="center" wrapText="1"/>
    </xf>
    <xf numFmtId="0" fontId="3" fillId="4" borderId="0" xfId="1" applyFont="1" applyFill="1" applyAlignment="1">
      <alignment vertical="center" wrapText="1"/>
    </xf>
    <xf numFmtId="49" fontId="9" fillId="0" borderId="1" xfId="0" applyNumberFormat="1" applyFont="1" applyBorder="1" applyAlignment="1">
      <alignment vertical="center" wrapText="1"/>
    </xf>
    <xf numFmtId="0" fontId="3" fillId="5" borderId="0" xfId="1" applyFont="1" applyFill="1" applyAlignment="1">
      <alignment vertical="center" wrapText="1"/>
    </xf>
    <xf numFmtId="177" fontId="9" fillId="0" borderId="1" xfId="1" applyNumberFormat="1" applyFont="1" applyBorder="1" applyAlignment="1">
      <alignment horizontal="right" vertical="center" wrapText="1"/>
    </xf>
    <xf numFmtId="0" fontId="3" fillId="0" borderId="0" xfId="0" applyFont="1" applyAlignment="1">
      <alignment vertical="center" wrapText="1"/>
    </xf>
    <xf numFmtId="0" fontId="13" fillId="0" borderId="0" xfId="0" applyFont="1" applyAlignment="1">
      <alignment vertical="center" wrapText="1"/>
    </xf>
    <xf numFmtId="0" fontId="14" fillId="0" borderId="0" xfId="1" applyFont="1" applyAlignment="1">
      <alignment vertical="center" wrapText="1"/>
    </xf>
    <xf numFmtId="0" fontId="8" fillId="0" borderId="1" xfId="1" applyFont="1" applyBorder="1" applyAlignment="1">
      <alignment vertical="center" wrapText="1"/>
    </xf>
    <xf numFmtId="0" fontId="15" fillId="0" borderId="0" xfId="1" applyFont="1" applyAlignment="1">
      <alignment vertical="center" wrapText="1"/>
    </xf>
    <xf numFmtId="0" fontId="16" fillId="0" borderId="0" xfId="1" applyFont="1" applyAlignment="1">
      <alignment vertical="center" shrinkToFit="1"/>
    </xf>
    <xf numFmtId="49" fontId="16" fillId="0" borderId="0" xfId="1" applyNumberFormat="1" applyFont="1">
      <alignment vertical="center"/>
    </xf>
    <xf numFmtId="176" fontId="16" fillId="0" borderId="0" xfId="1" applyNumberFormat="1" applyFont="1" applyAlignment="1">
      <alignment horizontal="right" vertical="center" wrapText="1"/>
    </xf>
    <xf numFmtId="0" fontId="4" fillId="2" borderId="1" xfId="1" applyFont="1" applyFill="1" applyBorder="1" applyAlignment="1">
      <alignment horizontal="center" vertical="center" wrapText="1"/>
    </xf>
    <xf numFmtId="0" fontId="6" fillId="2" borderId="1" xfId="1" applyFont="1" applyFill="1" applyBorder="1" applyAlignment="1">
      <alignment horizontal="center" vertical="center" wrapText="1"/>
    </xf>
    <xf numFmtId="0" fontId="17" fillId="0" borderId="1" xfId="1" applyFont="1" applyBorder="1" applyAlignment="1">
      <alignment vertical="center" wrapText="1"/>
    </xf>
    <xf numFmtId="0" fontId="18" fillId="0" borderId="1" xfId="1" applyFont="1" applyBorder="1" applyAlignment="1">
      <alignment vertical="center" wrapText="1"/>
    </xf>
    <xf numFmtId="0" fontId="17" fillId="0" borderId="1" xfId="0" applyFont="1" applyBorder="1" applyAlignment="1">
      <alignment vertical="center" wrapText="1"/>
    </xf>
    <xf numFmtId="49" fontId="18" fillId="0" borderId="1" xfId="1" applyNumberFormat="1" applyFont="1" applyBorder="1" applyAlignment="1">
      <alignment vertical="center" wrapText="1"/>
    </xf>
    <xf numFmtId="0" fontId="18" fillId="0" borderId="1" xfId="0" applyFont="1" applyBorder="1" applyAlignment="1">
      <alignment vertical="center" wrapText="1"/>
    </xf>
  </cellXfs>
  <cellStyles count="2">
    <cellStyle name="標準" xfId="0" builtinId="0"/>
    <cellStyle name="標準 2" xfId="1" xr:uid="{68B1B2DB-C8BD-43CC-8E91-74FD7CA991D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0500</xdr:colOff>
      <xdr:row>0</xdr:row>
      <xdr:rowOff>76201</xdr:rowOff>
    </xdr:from>
    <xdr:to>
      <xdr:col>5</xdr:col>
      <xdr:colOff>1276350</xdr:colOff>
      <xdr:row>0</xdr:row>
      <xdr:rowOff>106680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30677412-28FF-4B30-BC57-ED80A58343B7}"/>
            </a:ext>
          </a:extLst>
        </xdr:cNvPr>
        <xdr:cNvSpPr txBox="1"/>
      </xdr:nvSpPr>
      <xdr:spPr>
        <a:xfrm>
          <a:off x="190500" y="76201"/>
          <a:ext cx="11182350" cy="990599"/>
        </a:xfrm>
        <a:prstGeom prst="rect">
          <a:avLst/>
        </a:prstGeom>
        <a:solidFill>
          <a:schemeClr val="accent5">
            <a:lumMod val="20000"/>
            <a:lumOff val="8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2000">
              <a:latin typeface="HG創英角ｺﾞｼｯｸUB" pitchFamily="49" charset="-128"/>
              <a:ea typeface="HG創英角ｺﾞｼｯｸUB" pitchFamily="49" charset="-128"/>
            </a:rPr>
            <a:t>神奈川県　指定難病医療費助成制度にかかる難病指定医一覧（令和８年２月２日現在）</a:t>
          </a:r>
          <a:endParaRPr kumimoji="1" lang="en-US" altLang="ja-JP" sz="1600" b="1"/>
        </a:p>
        <a:p>
          <a:r>
            <a:rPr kumimoji="1" lang="ja-JP" altLang="en-US" sz="1400" b="1"/>
            <a:t>　★検索方法１　キーボードの　「</a:t>
          </a:r>
          <a:r>
            <a:rPr kumimoji="1" lang="en-US" altLang="ja-JP" sz="1400" b="1"/>
            <a:t>Ctrl</a:t>
          </a:r>
          <a:r>
            <a:rPr kumimoji="1" lang="ja-JP" altLang="en-US" sz="1400" b="1"/>
            <a:t>」と「</a:t>
          </a:r>
          <a:r>
            <a:rPr kumimoji="1" lang="en-US" altLang="ja-JP" sz="1400" b="1"/>
            <a:t>F</a:t>
          </a:r>
          <a:r>
            <a:rPr kumimoji="1" lang="ja-JP" altLang="en-US" sz="1400" b="1"/>
            <a:t>」を同時に押して、お探しの医師又は医療機関の名前（一部でも可）を入れて探す</a:t>
          </a:r>
          <a:endParaRPr kumimoji="1" lang="en-US" altLang="ja-JP" sz="1400" b="1"/>
        </a:p>
        <a:p>
          <a:r>
            <a:rPr kumimoji="1" lang="ja-JP" altLang="en-US" sz="1400" b="1"/>
            <a:t>　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★検索方法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２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　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所在地や市町村のプルダウンの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ボタンを押して、お探しの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所在地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で絞り込んで探す</a:t>
          </a:r>
          <a:endParaRPr kumimoji="1" lang="ja-JP" altLang="en-US" sz="1400" b="1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A2EE83-593A-4F19-B688-D6E85740E84A}">
  <sheetPr codeName="Sheet2">
    <tabColor theme="4"/>
    <pageSetUpPr fitToPage="1"/>
  </sheetPr>
  <dimension ref="A1:N3000"/>
  <sheetViews>
    <sheetView tabSelected="1" view="pageBreakPreview" zoomScale="85" zoomScaleNormal="85" zoomScaleSheetLayoutView="85" workbookViewId="0">
      <selection activeCell="J9" sqref="J9"/>
    </sheetView>
  </sheetViews>
  <sheetFormatPr defaultColWidth="9" defaultRowHeight="19.5"/>
  <cols>
    <col min="1" max="1" width="16.25" style="40" customWidth="1"/>
    <col min="2" max="2" width="40.625" style="41" customWidth="1"/>
    <col min="3" max="3" width="11.125" style="42" customWidth="1"/>
    <col min="4" max="4" width="42" style="41" customWidth="1"/>
    <col min="5" max="5" width="22.5" style="41" customWidth="1"/>
    <col min="6" max="6" width="19.5" style="43" customWidth="1"/>
    <col min="7" max="16384" width="9" style="5"/>
  </cols>
  <sheetData>
    <row r="1" spans="1:14" ht="96.75" customHeight="1">
      <c r="A1" s="1"/>
      <c r="B1" s="2"/>
      <c r="C1" s="3"/>
      <c r="D1" s="2"/>
      <c r="E1" s="2"/>
      <c r="F1" s="4"/>
    </row>
    <row r="2" spans="1:14" ht="24.75" customHeight="1">
      <c r="A2" s="44" t="s">
        <v>0</v>
      </c>
      <c r="B2" s="45" t="s">
        <v>1</v>
      </c>
      <c r="C2" s="45"/>
      <c r="D2" s="45"/>
      <c r="E2" s="45"/>
      <c r="F2" s="45" t="s">
        <v>2</v>
      </c>
    </row>
    <row r="3" spans="1:14" s="1" customFormat="1" ht="35.25" customHeight="1">
      <c r="A3" s="44"/>
      <c r="B3" s="6" t="s">
        <v>3</v>
      </c>
      <c r="C3" s="7" t="s">
        <v>4</v>
      </c>
      <c r="D3" s="6" t="s">
        <v>5</v>
      </c>
      <c r="E3" s="6" t="s">
        <v>6</v>
      </c>
      <c r="F3" s="45"/>
    </row>
    <row r="4" spans="1:14" ht="27.75" customHeight="1">
      <c r="A4" s="8" t="s">
        <v>7</v>
      </c>
      <c r="B4" s="9" t="s">
        <v>8</v>
      </c>
      <c r="C4" s="10" t="s">
        <v>9</v>
      </c>
      <c r="D4" s="9" t="s">
        <v>10</v>
      </c>
      <c r="E4" s="9" t="s">
        <v>11</v>
      </c>
      <c r="F4" s="11">
        <v>47634</v>
      </c>
    </row>
    <row r="5" spans="1:14" ht="27.75" customHeight="1">
      <c r="A5" s="12" t="s">
        <v>12</v>
      </c>
      <c r="B5" s="13" t="s">
        <v>8</v>
      </c>
      <c r="C5" s="10" t="s">
        <v>9</v>
      </c>
      <c r="D5" s="13" t="s">
        <v>10</v>
      </c>
      <c r="E5" s="13" t="s">
        <v>11</v>
      </c>
      <c r="F5" s="11">
        <v>47422</v>
      </c>
    </row>
    <row r="6" spans="1:14" ht="27.75" customHeight="1">
      <c r="A6" s="14" t="s">
        <v>13</v>
      </c>
      <c r="B6" s="9" t="s">
        <v>8</v>
      </c>
      <c r="C6" s="10" t="s">
        <v>9</v>
      </c>
      <c r="D6" s="9" t="s">
        <v>10</v>
      </c>
      <c r="E6" s="9" t="s">
        <v>11</v>
      </c>
      <c r="F6" s="11">
        <v>47422</v>
      </c>
    </row>
    <row r="7" spans="1:14" ht="27.75" customHeight="1">
      <c r="A7" s="12" t="s">
        <v>14</v>
      </c>
      <c r="B7" s="13" t="s">
        <v>15</v>
      </c>
      <c r="C7" s="10" t="s">
        <v>9</v>
      </c>
      <c r="D7" s="9" t="s">
        <v>16</v>
      </c>
      <c r="E7" s="13" t="s">
        <v>17</v>
      </c>
      <c r="F7" s="11">
        <v>47422</v>
      </c>
    </row>
    <row r="8" spans="1:14" ht="27.75" customHeight="1">
      <c r="A8" s="12" t="s">
        <v>18</v>
      </c>
      <c r="B8" s="13" t="s">
        <v>19</v>
      </c>
      <c r="C8" s="10" t="s">
        <v>9</v>
      </c>
      <c r="D8" s="9" t="s">
        <v>20</v>
      </c>
      <c r="E8" s="13" t="s">
        <v>21</v>
      </c>
      <c r="F8" s="11">
        <v>47452</v>
      </c>
    </row>
    <row r="9" spans="1:14" ht="27.75" customHeight="1">
      <c r="A9" s="15" t="s">
        <v>22</v>
      </c>
      <c r="B9" s="9" t="s">
        <v>23</v>
      </c>
      <c r="C9" s="10" t="s">
        <v>9</v>
      </c>
      <c r="D9" s="9" t="s">
        <v>24</v>
      </c>
      <c r="E9" s="13" t="s">
        <v>25</v>
      </c>
      <c r="F9" s="11">
        <v>47422</v>
      </c>
    </row>
    <row r="10" spans="1:14" ht="27.75" customHeight="1">
      <c r="A10" s="14" t="s">
        <v>26</v>
      </c>
      <c r="B10" s="9" t="s">
        <v>27</v>
      </c>
      <c r="C10" s="10" t="s">
        <v>9</v>
      </c>
      <c r="D10" s="9" t="s">
        <v>28</v>
      </c>
      <c r="E10" s="9" t="s">
        <v>21</v>
      </c>
      <c r="F10" s="11">
        <v>47542</v>
      </c>
    </row>
    <row r="11" spans="1:14" ht="27.75" customHeight="1">
      <c r="A11" s="14" t="s">
        <v>29</v>
      </c>
      <c r="B11" s="9" t="s">
        <v>30</v>
      </c>
      <c r="C11" s="10" t="s">
        <v>9</v>
      </c>
      <c r="D11" s="9" t="s">
        <v>31</v>
      </c>
      <c r="E11" s="9" t="s">
        <v>17</v>
      </c>
      <c r="F11" s="11">
        <v>47422</v>
      </c>
      <c r="N11" s="16"/>
    </row>
    <row r="12" spans="1:14" ht="27.75" customHeight="1">
      <c r="A12" s="17" t="s">
        <v>32</v>
      </c>
      <c r="B12" s="9" t="s">
        <v>33</v>
      </c>
      <c r="C12" s="10" t="s">
        <v>9</v>
      </c>
      <c r="D12" s="9" t="s">
        <v>34</v>
      </c>
      <c r="E12" s="9" t="s">
        <v>35</v>
      </c>
      <c r="F12" s="11">
        <v>47361</v>
      </c>
    </row>
    <row r="13" spans="1:14" ht="27.75" customHeight="1">
      <c r="A13" s="12" t="s">
        <v>36</v>
      </c>
      <c r="B13" s="13" t="s">
        <v>33</v>
      </c>
      <c r="C13" s="10" t="s">
        <v>9</v>
      </c>
      <c r="D13" s="13" t="s">
        <v>34</v>
      </c>
      <c r="E13" s="13" t="s">
        <v>35</v>
      </c>
      <c r="F13" s="11">
        <v>47422</v>
      </c>
    </row>
    <row r="14" spans="1:14" ht="27.75" customHeight="1">
      <c r="A14" s="12" t="s">
        <v>37</v>
      </c>
      <c r="B14" s="13" t="s">
        <v>38</v>
      </c>
      <c r="C14" s="10" t="s">
        <v>9</v>
      </c>
      <c r="D14" s="13" t="s">
        <v>39</v>
      </c>
      <c r="E14" s="13" t="s">
        <v>40</v>
      </c>
      <c r="F14" s="11">
        <v>47238</v>
      </c>
    </row>
    <row r="15" spans="1:14" ht="27.75" customHeight="1">
      <c r="A15" s="15" t="s">
        <v>41</v>
      </c>
      <c r="B15" s="13" t="s">
        <v>42</v>
      </c>
      <c r="C15" s="10" t="s">
        <v>9</v>
      </c>
      <c r="D15" s="9" t="s">
        <v>43</v>
      </c>
      <c r="E15" s="13" t="s">
        <v>44</v>
      </c>
      <c r="F15" s="11">
        <v>47422</v>
      </c>
    </row>
    <row r="16" spans="1:14" ht="27.75" customHeight="1">
      <c r="A16" s="14" t="s">
        <v>45</v>
      </c>
      <c r="B16" s="9" t="s">
        <v>46</v>
      </c>
      <c r="C16" s="10" t="s">
        <v>9</v>
      </c>
      <c r="D16" s="9" t="s">
        <v>47</v>
      </c>
      <c r="E16" s="9" t="s">
        <v>48</v>
      </c>
      <c r="F16" s="11">
        <v>47422</v>
      </c>
    </row>
    <row r="17" spans="1:6" ht="27.75" customHeight="1">
      <c r="A17" s="14" t="s">
        <v>49</v>
      </c>
      <c r="B17" s="9" t="s">
        <v>50</v>
      </c>
      <c r="C17" s="10" t="s">
        <v>9</v>
      </c>
      <c r="D17" s="9" t="s">
        <v>51</v>
      </c>
      <c r="E17" s="9" t="s">
        <v>44</v>
      </c>
      <c r="F17" s="11">
        <v>47452</v>
      </c>
    </row>
    <row r="18" spans="1:6" ht="27.75" customHeight="1">
      <c r="A18" s="14" t="s">
        <v>52</v>
      </c>
      <c r="B18" s="9" t="s">
        <v>53</v>
      </c>
      <c r="C18" s="10" t="s">
        <v>9</v>
      </c>
      <c r="D18" s="9" t="s">
        <v>54</v>
      </c>
      <c r="E18" s="9" t="s">
        <v>55</v>
      </c>
      <c r="F18" s="11">
        <v>46873</v>
      </c>
    </row>
    <row r="19" spans="1:6" ht="27.75" customHeight="1">
      <c r="A19" s="12" t="s">
        <v>56</v>
      </c>
      <c r="B19" s="13" t="s">
        <v>57</v>
      </c>
      <c r="C19" s="10" t="s">
        <v>9</v>
      </c>
      <c r="D19" s="13" t="s">
        <v>58</v>
      </c>
      <c r="E19" s="13" t="s">
        <v>40</v>
      </c>
      <c r="F19" s="11">
        <v>47452</v>
      </c>
    </row>
    <row r="20" spans="1:6" ht="27.75" customHeight="1">
      <c r="A20" s="12" t="s">
        <v>59</v>
      </c>
      <c r="B20" s="18" t="s">
        <v>60</v>
      </c>
      <c r="C20" s="10" t="s">
        <v>9</v>
      </c>
      <c r="D20" s="18" t="s">
        <v>61</v>
      </c>
      <c r="E20" s="18" t="s">
        <v>21</v>
      </c>
      <c r="F20" s="19">
        <v>47422</v>
      </c>
    </row>
    <row r="21" spans="1:6" ht="27.75" customHeight="1">
      <c r="A21" s="14" t="s">
        <v>62</v>
      </c>
      <c r="B21" s="9" t="s">
        <v>60</v>
      </c>
      <c r="C21" s="10" t="s">
        <v>9</v>
      </c>
      <c r="D21" s="9" t="s">
        <v>61</v>
      </c>
      <c r="E21" s="9" t="s">
        <v>63</v>
      </c>
      <c r="F21" s="11">
        <v>47422</v>
      </c>
    </row>
    <row r="22" spans="1:6" ht="27.75" customHeight="1">
      <c r="A22" s="12" t="s">
        <v>64</v>
      </c>
      <c r="B22" s="13" t="s">
        <v>60</v>
      </c>
      <c r="C22" s="10" t="s">
        <v>9</v>
      </c>
      <c r="D22" s="13" t="s">
        <v>61</v>
      </c>
      <c r="E22" s="13" t="s">
        <v>25</v>
      </c>
      <c r="F22" s="11">
        <v>47422</v>
      </c>
    </row>
    <row r="23" spans="1:6" ht="27.75" customHeight="1">
      <c r="A23" s="14" t="s">
        <v>65</v>
      </c>
      <c r="B23" s="9" t="s">
        <v>60</v>
      </c>
      <c r="C23" s="10" t="s">
        <v>9</v>
      </c>
      <c r="D23" s="9" t="s">
        <v>61</v>
      </c>
      <c r="E23" s="9" t="s">
        <v>63</v>
      </c>
      <c r="F23" s="11">
        <v>47422</v>
      </c>
    </row>
    <row r="24" spans="1:6" ht="27.75" customHeight="1">
      <c r="A24" s="17" t="s">
        <v>66</v>
      </c>
      <c r="B24" s="9" t="s">
        <v>60</v>
      </c>
      <c r="C24" s="10" t="s">
        <v>9</v>
      </c>
      <c r="D24" s="9" t="s">
        <v>61</v>
      </c>
      <c r="E24" s="9" t="s">
        <v>21</v>
      </c>
      <c r="F24" s="11">
        <v>46904</v>
      </c>
    </row>
    <row r="25" spans="1:6" ht="27.75" customHeight="1">
      <c r="A25" s="14" t="s">
        <v>67</v>
      </c>
      <c r="B25" s="9" t="s">
        <v>60</v>
      </c>
      <c r="C25" s="10" t="s">
        <v>9</v>
      </c>
      <c r="D25" s="9" t="s">
        <v>61</v>
      </c>
      <c r="E25" s="9" t="s">
        <v>25</v>
      </c>
      <c r="F25" s="11">
        <v>47422</v>
      </c>
    </row>
    <row r="26" spans="1:6" ht="27.75" customHeight="1">
      <c r="A26" s="12" t="s">
        <v>68</v>
      </c>
      <c r="B26" s="13" t="s">
        <v>60</v>
      </c>
      <c r="C26" s="10" t="s">
        <v>9</v>
      </c>
      <c r="D26" s="13" t="s">
        <v>61</v>
      </c>
      <c r="E26" s="13" t="s">
        <v>69</v>
      </c>
      <c r="F26" s="11">
        <v>47269</v>
      </c>
    </row>
    <row r="27" spans="1:6" ht="27.75" customHeight="1">
      <c r="A27" s="12" t="s">
        <v>70</v>
      </c>
      <c r="B27" s="13" t="s">
        <v>60</v>
      </c>
      <c r="C27" s="10" t="s">
        <v>9</v>
      </c>
      <c r="D27" s="13" t="s">
        <v>61</v>
      </c>
      <c r="E27" s="13" t="s">
        <v>21</v>
      </c>
      <c r="F27" s="11">
        <v>46538</v>
      </c>
    </row>
    <row r="28" spans="1:6" ht="27.75" customHeight="1">
      <c r="A28" s="12" t="s">
        <v>71</v>
      </c>
      <c r="B28" s="13" t="s">
        <v>60</v>
      </c>
      <c r="C28" s="10" t="s">
        <v>9</v>
      </c>
      <c r="D28" s="13" t="s">
        <v>61</v>
      </c>
      <c r="E28" s="13" t="s">
        <v>21</v>
      </c>
      <c r="F28" s="11">
        <v>46477</v>
      </c>
    </row>
    <row r="29" spans="1:6" ht="27.75" customHeight="1">
      <c r="A29" s="14" t="s">
        <v>72</v>
      </c>
      <c r="B29" s="9" t="s">
        <v>73</v>
      </c>
      <c r="C29" s="10" t="s">
        <v>9</v>
      </c>
      <c r="D29" s="9" t="s">
        <v>74</v>
      </c>
      <c r="E29" s="9" t="s">
        <v>75</v>
      </c>
      <c r="F29" s="11">
        <v>47452</v>
      </c>
    </row>
    <row r="30" spans="1:6" ht="27.75" customHeight="1">
      <c r="A30" s="12" t="s">
        <v>76</v>
      </c>
      <c r="B30" s="18" t="s">
        <v>77</v>
      </c>
      <c r="C30" s="10" t="s">
        <v>9</v>
      </c>
      <c r="D30" s="18" t="s">
        <v>78</v>
      </c>
      <c r="E30" s="18" t="s">
        <v>21</v>
      </c>
      <c r="F30" s="19">
        <v>47452</v>
      </c>
    </row>
    <row r="31" spans="1:6" ht="27.75" customHeight="1">
      <c r="A31" s="14" t="s">
        <v>79</v>
      </c>
      <c r="B31" s="9" t="s">
        <v>80</v>
      </c>
      <c r="C31" s="10" t="s">
        <v>9</v>
      </c>
      <c r="D31" s="9" t="s">
        <v>81</v>
      </c>
      <c r="E31" s="9" t="s">
        <v>63</v>
      </c>
      <c r="F31" s="11">
        <v>47483</v>
      </c>
    </row>
    <row r="32" spans="1:6" ht="27.75" customHeight="1">
      <c r="A32" s="14" t="s">
        <v>82</v>
      </c>
      <c r="B32" s="9" t="s">
        <v>80</v>
      </c>
      <c r="C32" s="10" t="s">
        <v>9</v>
      </c>
      <c r="D32" s="9" t="s">
        <v>81</v>
      </c>
      <c r="E32" s="9" t="s">
        <v>63</v>
      </c>
      <c r="F32" s="11">
        <v>47483</v>
      </c>
    </row>
    <row r="33" spans="1:6" ht="27.75" customHeight="1">
      <c r="A33" s="12" t="s">
        <v>83</v>
      </c>
      <c r="B33" s="13" t="s">
        <v>84</v>
      </c>
      <c r="C33" s="10" t="s">
        <v>9</v>
      </c>
      <c r="D33" s="13" t="s">
        <v>85</v>
      </c>
      <c r="E33" s="13" t="s">
        <v>86</v>
      </c>
      <c r="F33" s="11">
        <v>47422</v>
      </c>
    </row>
    <row r="34" spans="1:6" ht="27.75" customHeight="1">
      <c r="A34" s="14" t="s">
        <v>87</v>
      </c>
      <c r="B34" s="9" t="s">
        <v>88</v>
      </c>
      <c r="C34" s="10" t="s">
        <v>9</v>
      </c>
      <c r="D34" s="9" t="s">
        <v>89</v>
      </c>
      <c r="E34" s="9" t="s">
        <v>90</v>
      </c>
      <c r="F34" s="11">
        <v>47422</v>
      </c>
    </row>
    <row r="35" spans="1:6" ht="27.75" customHeight="1">
      <c r="A35" s="20" t="s">
        <v>91</v>
      </c>
      <c r="B35" s="9" t="s">
        <v>92</v>
      </c>
      <c r="C35" s="10" t="s">
        <v>9</v>
      </c>
      <c r="D35" s="13" t="s">
        <v>93</v>
      </c>
      <c r="E35" s="13" t="s">
        <v>63</v>
      </c>
      <c r="F35" s="11">
        <v>46234</v>
      </c>
    </row>
    <row r="36" spans="1:6" ht="27.75" customHeight="1">
      <c r="A36" s="14" t="s">
        <v>94</v>
      </c>
      <c r="B36" s="9" t="s">
        <v>95</v>
      </c>
      <c r="C36" s="10" t="s">
        <v>9</v>
      </c>
      <c r="D36" s="9" t="s">
        <v>96</v>
      </c>
      <c r="E36" s="9" t="s">
        <v>97</v>
      </c>
      <c r="F36" s="11">
        <v>47422</v>
      </c>
    </row>
    <row r="37" spans="1:6" ht="27.75" customHeight="1">
      <c r="A37" s="14" t="s">
        <v>98</v>
      </c>
      <c r="B37" s="9" t="s">
        <v>99</v>
      </c>
      <c r="C37" s="10" t="s">
        <v>9</v>
      </c>
      <c r="D37" s="9" t="s">
        <v>100</v>
      </c>
      <c r="E37" s="9" t="s">
        <v>101</v>
      </c>
      <c r="F37" s="11">
        <v>47938</v>
      </c>
    </row>
    <row r="38" spans="1:6" ht="27.75" customHeight="1">
      <c r="A38" s="14" t="s">
        <v>102</v>
      </c>
      <c r="B38" s="9" t="s">
        <v>103</v>
      </c>
      <c r="C38" s="10" t="s">
        <v>9</v>
      </c>
      <c r="D38" s="9" t="s">
        <v>104</v>
      </c>
      <c r="E38" s="9" t="s">
        <v>17</v>
      </c>
      <c r="F38" s="11">
        <v>46843</v>
      </c>
    </row>
    <row r="39" spans="1:6" ht="27.75" customHeight="1">
      <c r="A39" s="12" t="s">
        <v>105</v>
      </c>
      <c r="B39" s="13" t="s">
        <v>103</v>
      </c>
      <c r="C39" s="10" t="s">
        <v>9</v>
      </c>
      <c r="D39" s="13" t="s">
        <v>104</v>
      </c>
      <c r="E39" s="13" t="s">
        <v>17</v>
      </c>
      <c r="F39" s="11">
        <v>46996</v>
      </c>
    </row>
    <row r="40" spans="1:6" ht="27.75" customHeight="1">
      <c r="A40" s="14" t="s">
        <v>106</v>
      </c>
      <c r="B40" s="9" t="s">
        <v>103</v>
      </c>
      <c r="C40" s="10" t="s">
        <v>9</v>
      </c>
      <c r="D40" s="9" t="s">
        <v>104</v>
      </c>
      <c r="E40" s="9" t="s">
        <v>17</v>
      </c>
      <c r="F40" s="11">
        <v>47330</v>
      </c>
    </row>
    <row r="41" spans="1:6" ht="27.75" customHeight="1">
      <c r="A41" s="20" t="s">
        <v>107</v>
      </c>
      <c r="B41" s="18" t="s">
        <v>103</v>
      </c>
      <c r="C41" s="10" t="s">
        <v>9</v>
      </c>
      <c r="D41" s="18" t="s">
        <v>104</v>
      </c>
      <c r="E41" s="18" t="s">
        <v>17</v>
      </c>
      <c r="F41" s="19">
        <v>47422</v>
      </c>
    </row>
    <row r="42" spans="1:6" ht="27.75" customHeight="1">
      <c r="A42" s="21" t="s">
        <v>108</v>
      </c>
      <c r="B42" s="18" t="s">
        <v>109</v>
      </c>
      <c r="C42" s="10" t="s">
        <v>9</v>
      </c>
      <c r="D42" s="18" t="s">
        <v>110</v>
      </c>
      <c r="E42" s="18" t="s">
        <v>111</v>
      </c>
      <c r="F42" s="19">
        <v>47422</v>
      </c>
    </row>
    <row r="43" spans="1:6" ht="27.75" customHeight="1">
      <c r="A43" s="20" t="s">
        <v>112</v>
      </c>
      <c r="B43" s="13" t="s">
        <v>113</v>
      </c>
      <c r="C43" s="10" t="s">
        <v>9</v>
      </c>
      <c r="D43" s="13" t="s">
        <v>114</v>
      </c>
      <c r="E43" s="13" t="s">
        <v>115</v>
      </c>
      <c r="F43" s="11">
        <v>46568</v>
      </c>
    </row>
    <row r="44" spans="1:6" ht="27.75" customHeight="1">
      <c r="A44" s="14" t="s">
        <v>116</v>
      </c>
      <c r="B44" s="9" t="s">
        <v>117</v>
      </c>
      <c r="C44" s="10" t="s">
        <v>9</v>
      </c>
      <c r="D44" s="9" t="s">
        <v>118</v>
      </c>
      <c r="E44" s="9" t="s">
        <v>11</v>
      </c>
      <c r="F44" s="11">
        <v>47057</v>
      </c>
    </row>
    <row r="45" spans="1:6" ht="27.75" customHeight="1">
      <c r="A45" s="14" t="s">
        <v>119</v>
      </c>
      <c r="B45" s="9" t="s">
        <v>117</v>
      </c>
      <c r="C45" s="10" t="s">
        <v>9</v>
      </c>
      <c r="D45" s="9" t="s">
        <v>118</v>
      </c>
      <c r="E45" s="9" t="s">
        <v>44</v>
      </c>
      <c r="F45" s="11">
        <v>46112</v>
      </c>
    </row>
    <row r="46" spans="1:6" ht="27.75" customHeight="1">
      <c r="A46" s="14" t="s">
        <v>120</v>
      </c>
      <c r="B46" s="9" t="s">
        <v>121</v>
      </c>
      <c r="C46" s="10" t="s">
        <v>9</v>
      </c>
      <c r="D46" s="9" t="s">
        <v>122</v>
      </c>
      <c r="E46" s="9" t="s">
        <v>123</v>
      </c>
      <c r="F46" s="11">
        <v>47634</v>
      </c>
    </row>
    <row r="47" spans="1:6" ht="27.75" customHeight="1">
      <c r="A47" s="14" t="s">
        <v>124</v>
      </c>
      <c r="B47" s="9" t="s">
        <v>125</v>
      </c>
      <c r="C47" s="10" t="s">
        <v>9</v>
      </c>
      <c r="D47" s="13" t="s">
        <v>126</v>
      </c>
      <c r="E47" s="9" t="s">
        <v>127</v>
      </c>
      <c r="F47" s="11">
        <v>46568</v>
      </c>
    </row>
    <row r="48" spans="1:6" ht="27.75" customHeight="1">
      <c r="A48" s="8" t="s">
        <v>128</v>
      </c>
      <c r="B48" s="13" t="s">
        <v>125</v>
      </c>
      <c r="C48" s="10" t="s">
        <v>9</v>
      </c>
      <c r="D48" s="13" t="s">
        <v>126</v>
      </c>
      <c r="E48" s="13" t="s">
        <v>21</v>
      </c>
      <c r="F48" s="11">
        <v>46203</v>
      </c>
    </row>
    <row r="49" spans="1:6" ht="27.75" customHeight="1">
      <c r="A49" s="12" t="s">
        <v>129</v>
      </c>
      <c r="B49" s="13" t="s">
        <v>130</v>
      </c>
      <c r="C49" s="10" t="s">
        <v>9</v>
      </c>
      <c r="D49" s="13" t="s">
        <v>131</v>
      </c>
      <c r="E49" s="13" t="s">
        <v>132</v>
      </c>
      <c r="F49" s="11">
        <v>47422</v>
      </c>
    </row>
    <row r="50" spans="1:6" ht="27.75" customHeight="1">
      <c r="A50" s="12" t="s">
        <v>133</v>
      </c>
      <c r="B50" s="13" t="s">
        <v>134</v>
      </c>
      <c r="C50" s="10" t="s">
        <v>9</v>
      </c>
      <c r="D50" s="13" t="s">
        <v>135</v>
      </c>
      <c r="E50" s="13" t="s">
        <v>40</v>
      </c>
      <c r="F50" s="11">
        <v>47422</v>
      </c>
    </row>
    <row r="51" spans="1:6" ht="27.75" customHeight="1">
      <c r="A51" s="8" t="s">
        <v>136</v>
      </c>
      <c r="B51" s="9" t="s">
        <v>137</v>
      </c>
      <c r="C51" s="10" t="s">
        <v>9</v>
      </c>
      <c r="D51" s="9" t="s">
        <v>138</v>
      </c>
      <c r="E51" s="9" t="s">
        <v>21</v>
      </c>
      <c r="F51" s="11">
        <v>47452</v>
      </c>
    </row>
    <row r="52" spans="1:6" ht="27.75" customHeight="1">
      <c r="A52" s="12" t="s">
        <v>139</v>
      </c>
      <c r="B52" s="13" t="s">
        <v>140</v>
      </c>
      <c r="C52" s="10" t="s">
        <v>9</v>
      </c>
      <c r="D52" s="13" t="s">
        <v>141</v>
      </c>
      <c r="E52" s="13" t="s">
        <v>142</v>
      </c>
      <c r="F52" s="11">
        <v>46173</v>
      </c>
    </row>
    <row r="53" spans="1:6" ht="27.75" customHeight="1">
      <c r="A53" s="12" t="s">
        <v>143</v>
      </c>
      <c r="B53" s="13" t="s">
        <v>144</v>
      </c>
      <c r="C53" s="10" t="s">
        <v>9</v>
      </c>
      <c r="D53" s="13" t="s">
        <v>145</v>
      </c>
      <c r="E53" s="13" t="s">
        <v>35</v>
      </c>
      <c r="F53" s="11">
        <v>47422</v>
      </c>
    </row>
    <row r="54" spans="1:6" ht="27.75" customHeight="1">
      <c r="A54" s="12" t="s">
        <v>146</v>
      </c>
      <c r="B54" s="13" t="s">
        <v>147</v>
      </c>
      <c r="C54" s="10" t="s">
        <v>9</v>
      </c>
      <c r="D54" s="13" t="s">
        <v>148</v>
      </c>
      <c r="E54" s="13" t="s">
        <v>149</v>
      </c>
      <c r="F54" s="11">
        <v>47422</v>
      </c>
    </row>
    <row r="55" spans="1:6" s="22" customFormat="1" ht="27.75" customHeight="1">
      <c r="A55" s="14" t="s">
        <v>150</v>
      </c>
      <c r="B55" s="9" t="s">
        <v>151</v>
      </c>
      <c r="C55" s="10" t="s">
        <v>9</v>
      </c>
      <c r="D55" s="9" t="s">
        <v>152</v>
      </c>
      <c r="E55" s="9" t="s">
        <v>17</v>
      </c>
      <c r="F55" s="11">
        <v>47452</v>
      </c>
    </row>
    <row r="56" spans="1:6" ht="27.75" customHeight="1">
      <c r="A56" s="14" t="s">
        <v>153</v>
      </c>
      <c r="B56" s="9" t="s">
        <v>154</v>
      </c>
      <c r="C56" s="10" t="s">
        <v>9</v>
      </c>
      <c r="D56" s="9" t="s">
        <v>155</v>
      </c>
      <c r="E56" s="9" t="s">
        <v>115</v>
      </c>
      <c r="F56" s="11">
        <v>47452</v>
      </c>
    </row>
    <row r="57" spans="1:6" ht="27.75" customHeight="1">
      <c r="A57" s="12" t="s">
        <v>156</v>
      </c>
      <c r="B57" s="13" t="s">
        <v>154</v>
      </c>
      <c r="C57" s="10" t="s">
        <v>9</v>
      </c>
      <c r="D57" s="13" t="s">
        <v>155</v>
      </c>
      <c r="E57" s="13" t="s">
        <v>115</v>
      </c>
      <c r="F57" s="11">
        <v>47422</v>
      </c>
    </row>
    <row r="58" spans="1:6" ht="27.75" customHeight="1">
      <c r="A58" s="12" t="s">
        <v>157</v>
      </c>
      <c r="B58" s="13" t="s">
        <v>154</v>
      </c>
      <c r="C58" s="10" t="s">
        <v>9</v>
      </c>
      <c r="D58" s="13" t="s">
        <v>155</v>
      </c>
      <c r="E58" s="13" t="s">
        <v>21</v>
      </c>
      <c r="F58" s="11">
        <v>47664</v>
      </c>
    </row>
    <row r="59" spans="1:6" ht="27.75" customHeight="1">
      <c r="A59" s="12" t="s">
        <v>158</v>
      </c>
      <c r="B59" s="13" t="s">
        <v>159</v>
      </c>
      <c r="C59" s="10" t="s">
        <v>9</v>
      </c>
      <c r="D59" s="13" t="s">
        <v>160</v>
      </c>
      <c r="E59" s="13" t="s">
        <v>25</v>
      </c>
      <c r="F59" s="11">
        <v>46904</v>
      </c>
    </row>
    <row r="60" spans="1:6" ht="27.75" customHeight="1">
      <c r="A60" s="14" t="s">
        <v>161</v>
      </c>
      <c r="B60" s="9" t="s">
        <v>162</v>
      </c>
      <c r="C60" s="10" t="s">
        <v>9</v>
      </c>
      <c r="D60" s="9" t="s">
        <v>163</v>
      </c>
      <c r="E60" s="9" t="s">
        <v>40</v>
      </c>
      <c r="F60" s="11">
        <v>47452</v>
      </c>
    </row>
    <row r="61" spans="1:6" ht="27.75" customHeight="1">
      <c r="A61" s="15" t="s">
        <v>164</v>
      </c>
      <c r="B61" s="9" t="s">
        <v>165</v>
      </c>
      <c r="C61" s="10" t="s">
        <v>9</v>
      </c>
      <c r="D61" s="9" t="s">
        <v>166</v>
      </c>
      <c r="E61" s="13" t="s">
        <v>17</v>
      </c>
      <c r="F61" s="11">
        <v>46568</v>
      </c>
    </row>
    <row r="62" spans="1:6" ht="27.75" customHeight="1">
      <c r="A62" s="12" t="s">
        <v>167</v>
      </c>
      <c r="B62" s="13" t="s">
        <v>168</v>
      </c>
      <c r="C62" s="10" t="s">
        <v>9</v>
      </c>
      <c r="D62" s="13" t="s">
        <v>169</v>
      </c>
      <c r="E62" s="13" t="s">
        <v>21</v>
      </c>
      <c r="F62" s="11">
        <v>47422</v>
      </c>
    </row>
    <row r="63" spans="1:6" ht="27.75" customHeight="1">
      <c r="A63" s="14" t="s">
        <v>170</v>
      </c>
      <c r="B63" s="9" t="s">
        <v>171</v>
      </c>
      <c r="C63" s="10" t="s">
        <v>9</v>
      </c>
      <c r="D63" s="9" t="s">
        <v>172</v>
      </c>
      <c r="E63" s="9" t="s">
        <v>173</v>
      </c>
      <c r="F63" s="11">
        <v>46721</v>
      </c>
    </row>
    <row r="64" spans="1:6" ht="27.75" customHeight="1">
      <c r="A64" s="12" t="s">
        <v>174</v>
      </c>
      <c r="B64" s="13" t="s">
        <v>175</v>
      </c>
      <c r="C64" s="10" t="s">
        <v>9</v>
      </c>
      <c r="D64" s="13" t="s">
        <v>176</v>
      </c>
      <c r="E64" s="13" t="s">
        <v>63</v>
      </c>
      <c r="F64" s="11">
        <v>46326</v>
      </c>
    </row>
    <row r="65" spans="1:6" ht="27.75" customHeight="1">
      <c r="A65" s="14" t="s">
        <v>177</v>
      </c>
      <c r="B65" s="9" t="s">
        <v>178</v>
      </c>
      <c r="C65" s="10" t="s">
        <v>9</v>
      </c>
      <c r="D65" s="9" t="s">
        <v>179</v>
      </c>
      <c r="E65" s="9" t="s">
        <v>17</v>
      </c>
      <c r="F65" s="11">
        <v>47483</v>
      </c>
    </row>
    <row r="66" spans="1:6" ht="27.75" customHeight="1">
      <c r="A66" s="12" t="s">
        <v>180</v>
      </c>
      <c r="B66" s="13" t="s">
        <v>181</v>
      </c>
      <c r="C66" s="10" t="s">
        <v>9</v>
      </c>
      <c r="D66" s="13" t="s">
        <v>182</v>
      </c>
      <c r="E66" s="13" t="s">
        <v>40</v>
      </c>
      <c r="F66" s="11">
        <v>47542</v>
      </c>
    </row>
    <row r="67" spans="1:6" ht="27.75" customHeight="1">
      <c r="A67" s="14" t="s">
        <v>183</v>
      </c>
      <c r="B67" s="9" t="s">
        <v>184</v>
      </c>
      <c r="C67" s="10" t="s">
        <v>9</v>
      </c>
      <c r="D67" s="9" t="s">
        <v>185</v>
      </c>
      <c r="E67" s="9" t="s">
        <v>186</v>
      </c>
      <c r="F67" s="11">
        <v>47422</v>
      </c>
    </row>
    <row r="68" spans="1:6" ht="27.75" customHeight="1">
      <c r="A68" s="14" t="s">
        <v>187</v>
      </c>
      <c r="B68" s="9" t="s">
        <v>184</v>
      </c>
      <c r="C68" s="10" t="s">
        <v>9</v>
      </c>
      <c r="D68" s="9" t="s">
        <v>185</v>
      </c>
      <c r="E68" s="9" t="s">
        <v>186</v>
      </c>
      <c r="F68" s="11">
        <v>47422</v>
      </c>
    </row>
    <row r="69" spans="1:6" ht="27.75" customHeight="1">
      <c r="A69" s="14" t="s">
        <v>188</v>
      </c>
      <c r="B69" s="9" t="s">
        <v>184</v>
      </c>
      <c r="C69" s="10" t="s">
        <v>9</v>
      </c>
      <c r="D69" s="9" t="s">
        <v>185</v>
      </c>
      <c r="E69" s="9" t="s">
        <v>186</v>
      </c>
      <c r="F69" s="11">
        <v>47422</v>
      </c>
    </row>
    <row r="70" spans="1:6" ht="27.75" customHeight="1">
      <c r="A70" s="14" t="s">
        <v>189</v>
      </c>
      <c r="B70" s="9" t="s">
        <v>184</v>
      </c>
      <c r="C70" s="10" t="s">
        <v>9</v>
      </c>
      <c r="D70" s="13" t="s">
        <v>185</v>
      </c>
      <c r="E70" s="9" t="s">
        <v>186</v>
      </c>
      <c r="F70" s="11">
        <v>47422</v>
      </c>
    </row>
    <row r="71" spans="1:6" ht="27.75" customHeight="1">
      <c r="A71" s="12" t="s">
        <v>190</v>
      </c>
      <c r="B71" s="13" t="s">
        <v>191</v>
      </c>
      <c r="C71" s="10" t="s">
        <v>9</v>
      </c>
      <c r="D71" s="13" t="s">
        <v>192</v>
      </c>
      <c r="E71" s="13" t="s">
        <v>17</v>
      </c>
      <c r="F71" s="11">
        <v>47848</v>
      </c>
    </row>
    <row r="72" spans="1:6" ht="27.75" customHeight="1">
      <c r="A72" s="14" t="s">
        <v>193</v>
      </c>
      <c r="B72" s="9" t="s">
        <v>194</v>
      </c>
      <c r="C72" s="10" t="s">
        <v>9</v>
      </c>
      <c r="D72" s="9" t="s">
        <v>195</v>
      </c>
      <c r="E72" s="9" t="s">
        <v>196</v>
      </c>
      <c r="F72" s="11">
        <v>47756</v>
      </c>
    </row>
    <row r="73" spans="1:6" ht="27.75" customHeight="1">
      <c r="A73" s="14" t="s">
        <v>197</v>
      </c>
      <c r="B73" s="9" t="s">
        <v>198</v>
      </c>
      <c r="C73" s="10" t="s">
        <v>9</v>
      </c>
      <c r="D73" s="9" t="s">
        <v>199</v>
      </c>
      <c r="E73" s="9" t="s">
        <v>44</v>
      </c>
      <c r="F73" s="11">
        <v>47452</v>
      </c>
    </row>
    <row r="74" spans="1:6" ht="27.75" customHeight="1">
      <c r="A74" s="12" t="s">
        <v>200</v>
      </c>
      <c r="B74" s="13" t="s">
        <v>201</v>
      </c>
      <c r="C74" s="10" t="s">
        <v>9</v>
      </c>
      <c r="D74" s="13" t="s">
        <v>202</v>
      </c>
      <c r="E74" s="13" t="s">
        <v>21</v>
      </c>
      <c r="F74" s="11">
        <v>47573</v>
      </c>
    </row>
    <row r="75" spans="1:6" ht="27.75" customHeight="1">
      <c r="A75" s="12" t="s">
        <v>203</v>
      </c>
      <c r="B75" s="13" t="s">
        <v>117</v>
      </c>
      <c r="C75" s="10" t="s">
        <v>9</v>
      </c>
      <c r="D75" s="13" t="s">
        <v>204</v>
      </c>
      <c r="E75" s="13" t="s">
        <v>205</v>
      </c>
      <c r="F75" s="11">
        <v>47269</v>
      </c>
    </row>
    <row r="76" spans="1:6" ht="27.75" customHeight="1">
      <c r="A76" s="12" t="s">
        <v>206</v>
      </c>
      <c r="B76" s="13" t="s">
        <v>207</v>
      </c>
      <c r="C76" s="10" t="s">
        <v>9</v>
      </c>
      <c r="D76" s="13" t="s">
        <v>208</v>
      </c>
      <c r="E76" s="13" t="s">
        <v>21</v>
      </c>
      <c r="F76" s="11">
        <v>46173</v>
      </c>
    </row>
    <row r="77" spans="1:6" ht="27.75" customHeight="1">
      <c r="A77" s="14" t="s">
        <v>209</v>
      </c>
      <c r="B77" s="9" t="s">
        <v>210</v>
      </c>
      <c r="C77" s="10" t="s">
        <v>9</v>
      </c>
      <c r="D77" s="9" t="s">
        <v>208</v>
      </c>
      <c r="E77" s="9" t="s">
        <v>21</v>
      </c>
      <c r="F77" s="11">
        <v>46203</v>
      </c>
    </row>
    <row r="78" spans="1:6" ht="27.75" customHeight="1">
      <c r="A78" s="17" t="s">
        <v>211</v>
      </c>
      <c r="B78" s="9" t="s">
        <v>210</v>
      </c>
      <c r="C78" s="10" t="s">
        <v>9</v>
      </c>
      <c r="D78" s="9" t="s">
        <v>208</v>
      </c>
      <c r="E78" s="9" t="s">
        <v>212</v>
      </c>
      <c r="F78" s="11">
        <v>47422</v>
      </c>
    </row>
    <row r="79" spans="1:6" ht="27.75" customHeight="1">
      <c r="A79" s="14" t="s">
        <v>213</v>
      </c>
      <c r="B79" s="9" t="s">
        <v>210</v>
      </c>
      <c r="C79" s="10" t="s">
        <v>9</v>
      </c>
      <c r="D79" s="9" t="s">
        <v>208</v>
      </c>
      <c r="E79" s="9" t="s">
        <v>214</v>
      </c>
      <c r="F79" s="11">
        <v>46934</v>
      </c>
    </row>
    <row r="80" spans="1:6" ht="27.75" customHeight="1">
      <c r="A80" s="12" t="s">
        <v>215</v>
      </c>
      <c r="B80" s="9" t="s">
        <v>216</v>
      </c>
      <c r="C80" s="10" t="s">
        <v>9</v>
      </c>
      <c r="D80" s="13" t="s">
        <v>217</v>
      </c>
      <c r="E80" s="13" t="s">
        <v>21</v>
      </c>
      <c r="F80" s="11">
        <v>47422</v>
      </c>
    </row>
    <row r="81" spans="1:6" ht="27.75" customHeight="1">
      <c r="A81" s="14" t="s">
        <v>218</v>
      </c>
      <c r="B81" s="9" t="s">
        <v>219</v>
      </c>
      <c r="C81" s="10" t="s">
        <v>9</v>
      </c>
      <c r="D81" s="9" t="s">
        <v>220</v>
      </c>
      <c r="E81" s="9" t="s">
        <v>205</v>
      </c>
      <c r="F81" s="11">
        <v>46507</v>
      </c>
    </row>
    <row r="82" spans="1:6" ht="27.75" customHeight="1">
      <c r="A82" s="12" t="s">
        <v>221</v>
      </c>
      <c r="B82" s="13" t="s">
        <v>222</v>
      </c>
      <c r="C82" s="10" t="s">
        <v>9</v>
      </c>
      <c r="D82" s="13" t="s">
        <v>223</v>
      </c>
      <c r="E82" s="13" t="s">
        <v>224</v>
      </c>
      <c r="F82" s="11">
        <v>46873</v>
      </c>
    </row>
    <row r="83" spans="1:6" ht="27.75" customHeight="1">
      <c r="A83" s="12" t="s">
        <v>225</v>
      </c>
      <c r="B83" s="13" t="s">
        <v>226</v>
      </c>
      <c r="C83" s="10" t="s">
        <v>9</v>
      </c>
      <c r="D83" s="9" t="s">
        <v>227</v>
      </c>
      <c r="E83" s="9" t="s">
        <v>228</v>
      </c>
      <c r="F83" s="11">
        <v>47422</v>
      </c>
    </row>
    <row r="84" spans="1:6" ht="27.75" customHeight="1">
      <c r="A84" s="12" t="s">
        <v>229</v>
      </c>
      <c r="B84" s="13" t="s">
        <v>226</v>
      </c>
      <c r="C84" s="10" t="s">
        <v>9</v>
      </c>
      <c r="D84" s="13" t="s">
        <v>227</v>
      </c>
      <c r="E84" s="13" t="s">
        <v>21</v>
      </c>
      <c r="F84" s="11">
        <v>46173</v>
      </c>
    </row>
    <row r="85" spans="1:6" ht="27.75" customHeight="1">
      <c r="A85" s="12" t="s">
        <v>230</v>
      </c>
      <c r="B85" s="13" t="s">
        <v>226</v>
      </c>
      <c r="C85" s="10" t="s">
        <v>9</v>
      </c>
      <c r="D85" s="13" t="s">
        <v>227</v>
      </c>
      <c r="E85" s="13" t="s">
        <v>228</v>
      </c>
      <c r="F85" s="11">
        <v>47422</v>
      </c>
    </row>
    <row r="86" spans="1:6" ht="27.75" customHeight="1">
      <c r="A86" s="12" t="s">
        <v>231</v>
      </c>
      <c r="B86" s="13" t="s">
        <v>226</v>
      </c>
      <c r="C86" s="10" t="s">
        <v>9</v>
      </c>
      <c r="D86" s="13" t="s">
        <v>227</v>
      </c>
      <c r="E86" s="13" t="s">
        <v>232</v>
      </c>
      <c r="F86" s="11">
        <v>46507</v>
      </c>
    </row>
    <row r="87" spans="1:6" ht="27.75" customHeight="1">
      <c r="A87" s="8" t="s">
        <v>233</v>
      </c>
      <c r="B87" s="18" t="s">
        <v>226</v>
      </c>
      <c r="C87" s="10" t="s">
        <v>9</v>
      </c>
      <c r="D87" s="18" t="s">
        <v>227</v>
      </c>
      <c r="E87" s="18" t="s">
        <v>234</v>
      </c>
      <c r="F87" s="19">
        <v>47422</v>
      </c>
    </row>
    <row r="88" spans="1:6" ht="27.75" customHeight="1">
      <c r="A88" s="17" t="s">
        <v>235</v>
      </c>
      <c r="B88" s="9" t="s">
        <v>226</v>
      </c>
      <c r="C88" s="10" t="s">
        <v>9</v>
      </c>
      <c r="D88" s="9" t="s">
        <v>227</v>
      </c>
      <c r="E88" s="9" t="s">
        <v>234</v>
      </c>
      <c r="F88" s="11">
        <v>47514</v>
      </c>
    </row>
    <row r="89" spans="1:6" ht="27.75" customHeight="1">
      <c r="A89" s="15" t="s">
        <v>236</v>
      </c>
      <c r="B89" s="9" t="s">
        <v>226</v>
      </c>
      <c r="C89" s="10" t="s">
        <v>9</v>
      </c>
      <c r="D89" s="9" t="s">
        <v>227</v>
      </c>
      <c r="E89" s="13" t="s">
        <v>63</v>
      </c>
      <c r="F89" s="11">
        <v>47422</v>
      </c>
    </row>
    <row r="90" spans="1:6" ht="27.75" customHeight="1">
      <c r="A90" s="15" t="s">
        <v>237</v>
      </c>
      <c r="B90" s="13" t="s">
        <v>226</v>
      </c>
      <c r="C90" s="10" t="s">
        <v>9</v>
      </c>
      <c r="D90" s="9" t="s">
        <v>227</v>
      </c>
      <c r="E90" s="13" t="s">
        <v>234</v>
      </c>
      <c r="F90" s="11">
        <v>47483</v>
      </c>
    </row>
    <row r="91" spans="1:6" ht="27.75" customHeight="1">
      <c r="A91" s="17" t="s">
        <v>238</v>
      </c>
      <c r="B91" s="9" t="s">
        <v>226</v>
      </c>
      <c r="C91" s="10" t="s">
        <v>9</v>
      </c>
      <c r="D91" s="9" t="s">
        <v>227</v>
      </c>
      <c r="E91" s="9" t="s">
        <v>40</v>
      </c>
      <c r="F91" s="11">
        <v>47330</v>
      </c>
    </row>
    <row r="92" spans="1:6" ht="27.75" customHeight="1">
      <c r="A92" s="14" t="s">
        <v>239</v>
      </c>
      <c r="B92" s="9" t="s">
        <v>226</v>
      </c>
      <c r="C92" s="10" t="s">
        <v>9</v>
      </c>
      <c r="D92" s="9" t="s">
        <v>227</v>
      </c>
      <c r="E92" s="9" t="s">
        <v>21</v>
      </c>
      <c r="F92" s="11">
        <v>47422</v>
      </c>
    </row>
    <row r="93" spans="1:6" ht="27.75" customHeight="1">
      <c r="A93" s="14" t="s">
        <v>240</v>
      </c>
      <c r="B93" s="9" t="s">
        <v>226</v>
      </c>
      <c r="C93" s="10" t="s">
        <v>9</v>
      </c>
      <c r="D93" s="9" t="s">
        <v>227</v>
      </c>
      <c r="E93" s="9" t="s">
        <v>21</v>
      </c>
      <c r="F93" s="11">
        <v>47483</v>
      </c>
    </row>
    <row r="94" spans="1:6" ht="27.75" customHeight="1">
      <c r="A94" s="14" t="s">
        <v>241</v>
      </c>
      <c r="B94" s="9" t="s">
        <v>226</v>
      </c>
      <c r="C94" s="10" t="s">
        <v>9</v>
      </c>
      <c r="D94" s="9" t="s">
        <v>227</v>
      </c>
      <c r="E94" s="9" t="s">
        <v>21</v>
      </c>
      <c r="F94" s="11">
        <v>47177</v>
      </c>
    </row>
    <row r="95" spans="1:6" ht="27.75" customHeight="1">
      <c r="A95" s="12" t="s">
        <v>242</v>
      </c>
      <c r="B95" s="18" t="s">
        <v>226</v>
      </c>
      <c r="C95" s="10" t="s">
        <v>9</v>
      </c>
      <c r="D95" s="18" t="s">
        <v>227</v>
      </c>
      <c r="E95" s="18" t="s">
        <v>243</v>
      </c>
      <c r="F95" s="19">
        <v>47330</v>
      </c>
    </row>
    <row r="96" spans="1:6" ht="27.75" customHeight="1">
      <c r="A96" s="12" t="s">
        <v>244</v>
      </c>
      <c r="B96" s="13" t="s">
        <v>226</v>
      </c>
      <c r="C96" s="10" t="s">
        <v>9</v>
      </c>
      <c r="D96" s="13" t="s">
        <v>227</v>
      </c>
      <c r="E96" s="13" t="s">
        <v>40</v>
      </c>
      <c r="F96" s="11">
        <v>46843</v>
      </c>
    </row>
    <row r="97" spans="1:6" ht="27.75" customHeight="1">
      <c r="A97" s="12" t="s">
        <v>245</v>
      </c>
      <c r="B97" s="13" t="s">
        <v>226</v>
      </c>
      <c r="C97" s="10" t="s">
        <v>9</v>
      </c>
      <c r="D97" s="13" t="s">
        <v>227</v>
      </c>
      <c r="E97" s="13" t="s">
        <v>17</v>
      </c>
      <c r="F97" s="11">
        <v>47422</v>
      </c>
    </row>
    <row r="98" spans="1:6" ht="27.75" customHeight="1">
      <c r="A98" s="14" t="s">
        <v>246</v>
      </c>
      <c r="B98" s="9" t="s">
        <v>247</v>
      </c>
      <c r="C98" s="10" t="s">
        <v>9</v>
      </c>
      <c r="D98" s="9" t="s">
        <v>248</v>
      </c>
      <c r="E98" s="9" t="s">
        <v>21</v>
      </c>
      <c r="F98" s="11">
        <v>47634</v>
      </c>
    </row>
    <row r="99" spans="1:6" ht="27.75" customHeight="1">
      <c r="A99" s="12" t="s">
        <v>249</v>
      </c>
      <c r="B99" s="13" t="s">
        <v>247</v>
      </c>
      <c r="C99" s="10" t="s">
        <v>9</v>
      </c>
      <c r="D99" s="13" t="s">
        <v>248</v>
      </c>
      <c r="E99" s="13" t="s">
        <v>21</v>
      </c>
      <c r="F99" s="11">
        <v>46418</v>
      </c>
    </row>
    <row r="100" spans="1:6" ht="27.75" customHeight="1">
      <c r="A100" s="8" t="s">
        <v>250</v>
      </c>
      <c r="B100" s="13" t="s">
        <v>251</v>
      </c>
      <c r="C100" s="10" t="s">
        <v>9</v>
      </c>
      <c r="D100" s="13" t="s">
        <v>252</v>
      </c>
      <c r="E100" s="13" t="s">
        <v>253</v>
      </c>
      <c r="F100" s="11">
        <v>47422</v>
      </c>
    </row>
    <row r="101" spans="1:6" ht="27.75" customHeight="1">
      <c r="A101" s="17" t="s">
        <v>254</v>
      </c>
      <c r="B101" s="9" t="s">
        <v>255</v>
      </c>
      <c r="C101" s="10" t="s">
        <v>9</v>
      </c>
      <c r="D101" s="9" t="s">
        <v>256</v>
      </c>
      <c r="E101" s="9" t="s">
        <v>44</v>
      </c>
      <c r="F101" s="11">
        <v>46904</v>
      </c>
    </row>
    <row r="102" spans="1:6" ht="27.75" customHeight="1">
      <c r="A102" s="8" t="s">
        <v>257</v>
      </c>
      <c r="B102" s="9" t="s">
        <v>258</v>
      </c>
      <c r="C102" s="10" t="s">
        <v>9</v>
      </c>
      <c r="D102" s="9" t="s">
        <v>259</v>
      </c>
      <c r="E102" s="9" t="s">
        <v>44</v>
      </c>
      <c r="F102" s="11">
        <v>47542</v>
      </c>
    </row>
    <row r="103" spans="1:6" ht="27.75" customHeight="1">
      <c r="A103" s="12" t="s">
        <v>260</v>
      </c>
      <c r="B103" s="13" t="s">
        <v>261</v>
      </c>
      <c r="C103" s="10" t="s">
        <v>9</v>
      </c>
      <c r="D103" s="13" t="s">
        <v>262</v>
      </c>
      <c r="E103" s="13" t="s">
        <v>21</v>
      </c>
      <c r="F103" s="11">
        <v>47422</v>
      </c>
    </row>
    <row r="104" spans="1:6" ht="27.75" customHeight="1">
      <c r="A104" s="8" t="s">
        <v>263</v>
      </c>
      <c r="B104" s="9" t="s">
        <v>264</v>
      </c>
      <c r="C104" s="10" t="s">
        <v>9</v>
      </c>
      <c r="D104" s="9" t="s">
        <v>265</v>
      </c>
      <c r="E104" s="9" t="s">
        <v>266</v>
      </c>
      <c r="F104" s="11">
        <v>47391</v>
      </c>
    </row>
    <row r="105" spans="1:6" ht="27.75" customHeight="1">
      <c r="A105" s="12" t="s">
        <v>267</v>
      </c>
      <c r="B105" s="13" t="s">
        <v>268</v>
      </c>
      <c r="C105" s="10" t="s">
        <v>9</v>
      </c>
      <c r="D105" s="13" t="s">
        <v>269</v>
      </c>
      <c r="E105" s="13" t="s">
        <v>270</v>
      </c>
      <c r="F105" s="11">
        <v>46265</v>
      </c>
    </row>
    <row r="106" spans="1:6" ht="27.75" customHeight="1">
      <c r="A106" s="14" t="s">
        <v>271</v>
      </c>
      <c r="B106" s="9" t="s">
        <v>268</v>
      </c>
      <c r="C106" s="10" t="s">
        <v>9</v>
      </c>
      <c r="D106" s="9" t="s">
        <v>269</v>
      </c>
      <c r="E106" s="9" t="s">
        <v>196</v>
      </c>
      <c r="F106" s="11">
        <v>46843</v>
      </c>
    </row>
    <row r="107" spans="1:6" ht="27.75" customHeight="1">
      <c r="A107" s="12" t="s">
        <v>272</v>
      </c>
      <c r="B107" s="13" t="s">
        <v>268</v>
      </c>
      <c r="C107" s="10" t="s">
        <v>9</v>
      </c>
      <c r="D107" s="13" t="s">
        <v>269</v>
      </c>
      <c r="E107" s="13" t="s">
        <v>234</v>
      </c>
      <c r="F107" s="11">
        <v>47452</v>
      </c>
    </row>
    <row r="108" spans="1:6" ht="27.75" customHeight="1">
      <c r="A108" s="14" t="s">
        <v>273</v>
      </c>
      <c r="B108" s="9" t="s">
        <v>268</v>
      </c>
      <c r="C108" s="10" t="s">
        <v>9</v>
      </c>
      <c r="D108" s="9" t="s">
        <v>269</v>
      </c>
      <c r="E108" s="9" t="s">
        <v>274</v>
      </c>
      <c r="F108" s="11">
        <v>46477</v>
      </c>
    </row>
    <row r="109" spans="1:6" ht="27.75" customHeight="1">
      <c r="A109" s="12" t="s">
        <v>275</v>
      </c>
      <c r="B109" s="13" t="s">
        <v>268</v>
      </c>
      <c r="C109" s="10" t="s">
        <v>9</v>
      </c>
      <c r="D109" s="13" t="s">
        <v>269</v>
      </c>
      <c r="E109" s="13" t="s">
        <v>196</v>
      </c>
      <c r="F109" s="11">
        <v>47452</v>
      </c>
    </row>
    <row r="110" spans="1:6" ht="27.75" customHeight="1">
      <c r="A110" s="8" t="s">
        <v>276</v>
      </c>
      <c r="B110" s="13" t="s">
        <v>268</v>
      </c>
      <c r="C110" s="10" t="s">
        <v>9</v>
      </c>
      <c r="D110" s="13" t="s">
        <v>269</v>
      </c>
      <c r="E110" s="13" t="s">
        <v>44</v>
      </c>
      <c r="F110" s="11">
        <v>46477</v>
      </c>
    </row>
    <row r="111" spans="1:6" ht="27.75" customHeight="1">
      <c r="A111" s="14" t="s">
        <v>277</v>
      </c>
      <c r="B111" s="9" t="s">
        <v>268</v>
      </c>
      <c r="C111" s="10" t="s">
        <v>9</v>
      </c>
      <c r="D111" s="9" t="s">
        <v>269</v>
      </c>
      <c r="E111" s="9" t="s">
        <v>196</v>
      </c>
      <c r="F111" s="11">
        <v>47514</v>
      </c>
    </row>
    <row r="112" spans="1:6" ht="27.75" customHeight="1">
      <c r="A112" s="12" t="s">
        <v>278</v>
      </c>
      <c r="B112" s="13" t="s">
        <v>268</v>
      </c>
      <c r="C112" s="10" t="s">
        <v>9</v>
      </c>
      <c r="D112" s="13" t="s">
        <v>269</v>
      </c>
      <c r="E112" s="13" t="s">
        <v>63</v>
      </c>
      <c r="F112" s="11">
        <v>47573</v>
      </c>
    </row>
    <row r="113" spans="1:6" ht="27.75" customHeight="1">
      <c r="A113" s="14" t="s">
        <v>279</v>
      </c>
      <c r="B113" s="9" t="s">
        <v>268</v>
      </c>
      <c r="C113" s="10" t="s">
        <v>9</v>
      </c>
      <c r="D113" s="13" t="s">
        <v>269</v>
      </c>
      <c r="E113" s="9" t="s">
        <v>25</v>
      </c>
      <c r="F113" s="11">
        <v>47452</v>
      </c>
    </row>
    <row r="114" spans="1:6" ht="27.75" customHeight="1">
      <c r="A114" s="14" t="s">
        <v>280</v>
      </c>
      <c r="B114" s="9" t="s">
        <v>268</v>
      </c>
      <c r="C114" s="10" t="s">
        <v>9</v>
      </c>
      <c r="D114" s="9" t="s">
        <v>269</v>
      </c>
      <c r="E114" s="9" t="s">
        <v>44</v>
      </c>
      <c r="F114" s="11">
        <v>46507</v>
      </c>
    </row>
    <row r="115" spans="1:6" ht="27.75" customHeight="1">
      <c r="A115" s="12" t="s">
        <v>281</v>
      </c>
      <c r="B115" s="13" t="s">
        <v>268</v>
      </c>
      <c r="C115" s="10" t="s">
        <v>9</v>
      </c>
      <c r="D115" s="13" t="s">
        <v>269</v>
      </c>
      <c r="E115" s="13" t="s">
        <v>196</v>
      </c>
      <c r="F115" s="11">
        <v>47422</v>
      </c>
    </row>
    <row r="116" spans="1:6" ht="27.75" customHeight="1">
      <c r="A116" s="15" t="s">
        <v>282</v>
      </c>
      <c r="B116" s="9" t="s">
        <v>268</v>
      </c>
      <c r="C116" s="10" t="s">
        <v>9</v>
      </c>
      <c r="D116" s="9" t="s">
        <v>269</v>
      </c>
      <c r="E116" s="13" t="s">
        <v>44</v>
      </c>
      <c r="F116" s="11">
        <v>47299</v>
      </c>
    </row>
    <row r="117" spans="1:6" ht="27.75" customHeight="1">
      <c r="A117" s="12" t="s">
        <v>283</v>
      </c>
      <c r="B117" s="13" t="s">
        <v>268</v>
      </c>
      <c r="C117" s="10" t="s">
        <v>9</v>
      </c>
      <c r="D117" s="13" t="s">
        <v>269</v>
      </c>
      <c r="E117" s="13" t="s">
        <v>284</v>
      </c>
      <c r="F117" s="11">
        <v>47452</v>
      </c>
    </row>
    <row r="118" spans="1:6" ht="27.75" customHeight="1">
      <c r="A118" s="14" t="s">
        <v>285</v>
      </c>
      <c r="B118" s="9" t="s">
        <v>268</v>
      </c>
      <c r="C118" s="10" t="s">
        <v>9</v>
      </c>
      <c r="D118" s="9" t="s">
        <v>269</v>
      </c>
      <c r="E118" s="9" t="s">
        <v>196</v>
      </c>
      <c r="F118" s="11">
        <v>46507</v>
      </c>
    </row>
    <row r="119" spans="1:6" ht="27.75" customHeight="1">
      <c r="A119" s="14" t="s">
        <v>286</v>
      </c>
      <c r="B119" s="9" t="s">
        <v>268</v>
      </c>
      <c r="C119" s="10" t="s">
        <v>9</v>
      </c>
      <c r="D119" s="9" t="s">
        <v>269</v>
      </c>
      <c r="E119" s="9" t="s">
        <v>44</v>
      </c>
      <c r="F119" s="11">
        <v>46538</v>
      </c>
    </row>
    <row r="120" spans="1:6" ht="27.75" customHeight="1">
      <c r="A120" s="14" t="s">
        <v>287</v>
      </c>
      <c r="B120" s="9" t="s">
        <v>268</v>
      </c>
      <c r="C120" s="10" t="s">
        <v>9</v>
      </c>
      <c r="D120" s="9" t="s">
        <v>269</v>
      </c>
      <c r="E120" s="9" t="s">
        <v>288</v>
      </c>
      <c r="F120" s="11">
        <v>47452</v>
      </c>
    </row>
    <row r="121" spans="1:6" ht="27.75" customHeight="1">
      <c r="A121" s="23" t="s">
        <v>289</v>
      </c>
      <c r="B121" s="9" t="s">
        <v>268</v>
      </c>
      <c r="C121" s="10" t="s">
        <v>9</v>
      </c>
      <c r="D121" s="9" t="s">
        <v>269</v>
      </c>
      <c r="E121" s="24" t="s">
        <v>44</v>
      </c>
      <c r="F121" s="11">
        <v>47391</v>
      </c>
    </row>
    <row r="122" spans="1:6" ht="27.75" customHeight="1">
      <c r="A122" s="14" t="s">
        <v>290</v>
      </c>
      <c r="B122" s="9" t="s">
        <v>268</v>
      </c>
      <c r="C122" s="10" t="s">
        <v>9</v>
      </c>
      <c r="D122" s="9" t="s">
        <v>269</v>
      </c>
      <c r="E122" s="9" t="s">
        <v>196</v>
      </c>
      <c r="F122" s="11">
        <v>47422</v>
      </c>
    </row>
    <row r="123" spans="1:6" ht="27.75" customHeight="1">
      <c r="A123" s="8" t="s">
        <v>291</v>
      </c>
      <c r="B123" s="9" t="s">
        <v>268</v>
      </c>
      <c r="C123" s="10" t="s">
        <v>9</v>
      </c>
      <c r="D123" s="9" t="s">
        <v>269</v>
      </c>
      <c r="E123" s="9" t="s">
        <v>55</v>
      </c>
      <c r="F123" s="11">
        <v>47452</v>
      </c>
    </row>
    <row r="124" spans="1:6" ht="27.75" customHeight="1">
      <c r="A124" s="15" t="s">
        <v>292</v>
      </c>
      <c r="B124" s="13" t="s">
        <v>268</v>
      </c>
      <c r="C124" s="10" t="s">
        <v>9</v>
      </c>
      <c r="D124" s="9" t="s">
        <v>269</v>
      </c>
      <c r="E124" s="13" t="s">
        <v>17</v>
      </c>
      <c r="F124" s="11">
        <v>47483</v>
      </c>
    </row>
    <row r="125" spans="1:6" ht="27.75" customHeight="1">
      <c r="A125" s="12" t="s">
        <v>293</v>
      </c>
      <c r="B125" s="13" t="s">
        <v>268</v>
      </c>
      <c r="C125" s="10" t="s">
        <v>9</v>
      </c>
      <c r="D125" s="13" t="s">
        <v>269</v>
      </c>
      <c r="E125" s="13" t="s">
        <v>40</v>
      </c>
      <c r="F125" s="11">
        <v>47208</v>
      </c>
    </row>
    <row r="126" spans="1:6" ht="27.75" customHeight="1">
      <c r="A126" s="12" t="s">
        <v>294</v>
      </c>
      <c r="B126" s="18" t="s">
        <v>268</v>
      </c>
      <c r="C126" s="10" t="s">
        <v>9</v>
      </c>
      <c r="D126" s="18" t="s">
        <v>269</v>
      </c>
      <c r="E126" s="18" t="s">
        <v>295</v>
      </c>
      <c r="F126" s="19">
        <v>47603</v>
      </c>
    </row>
    <row r="127" spans="1:6" ht="27.75" customHeight="1">
      <c r="A127" s="17" t="s">
        <v>296</v>
      </c>
      <c r="B127" s="9" t="s">
        <v>268</v>
      </c>
      <c r="C127" s="10" t="s">
        <v>9</v>
      </c>
      <c r="D127" s="9" t="s">
        <v>269</v>
      </c>
      <c r="E127" s="9" t="s">
        <v>25</v>
      </c>
      <c r="F127" s="11">
        <v>47452</v>
      </c>
    </row>
    <row r="128" spans="1:6" ht="27.75" customHeight="1">
      <c r="A128" s="12" t="s">
        <v>297</v>
      </c>
      <c r="B128" s="13" t="s">
        <v>268</v>
      </c>
      <c r="C128" s="10" t="s">
        <v>9</v>
      </c>
      <c r="D128" s="13" t="s">
        <v>269</v>
      </c>
      <c r="E128" s="13" t="s">
        <v>298</v>
      </c>
      <c r="F128" s="11">
        <v>47422</v>
      </c>
    </row>
    <row r="129" spans="1:6" ht="27.75" customHeight="1">
      <c r="A129" s="15" t="s">
        <v>299</v>
      </c>
      <c r="B129" s="13" t="s">
        <v>268</v>
      </c>
      <c r="C129" s="10" t="s">
        <v>9</v>
      </c>
      <c r="D129" s="13" t="s">
        <v>269</v>
      </c>
      <c r="E129" s="13" t="s">
        <v>300</v>
      </c>
      <c r="F129" s="11">
        <v>47422</v>
      </c>
    </row>
    <row r="130" spans="1:6" ht="27.75" customHeight="1">
      <c r="A130" s="8" t="s">
        <v>301</v>
      </c>
      <c r="B130" s="9" t="s">
        <v>268</v>
      </c>
      <c r="C130" s="10" t="s">
        <v>9</v>
      </c>
      <c r="D130" s="9" t="s">
        <v>269</v>
      </c>
      <c r="E130" s="9" t="s">
        <v>196</v>
      </c>
      <c r="F130" s="11">
        <v>47208</v>
      </c>
    </row>
    <row r="131" spans="1:6" ht="27.75" customHeight="1">
      <c r="A131" s="12" t="s">
        <v>302</v>
      </c>
      <c r="B131" s="13" t="s">
        <v>268</v>
      </c>
      <c r="C131" s="10" t="s">
        <v>9</v>
      </c>
      <c r="D131" s="13" t="s">
        <v>269</v>
      </c>
      <c r="E131" s="13" t="s">
        <v>115</v>
      </c>
      <c r="F131" s="11">
        <v>46843</v>
      </c>
    </row>
    <row r="132" spans="1:6" ht="27.75" customHeight="1">
      <c r="A132" s="14" t="s">
        <v>303</v>
      </c>
      <c r="B132" s="13" t="s">
        <v>268</v>
      </c>
      <c r="C132" s="10" t="s">
        <v>9</v>
      </c>
      <c r="D132" s="9" t="s">
        <v>269</v>
      </c>
      <c r="E132" s="9" t="s">
        <v>111</v>
      </c>
      <c r="F132" s="11">
        <v>46507</v>
      </c>
    </row>
    <row r="133" spans="1:6" ht="27.75" customHeight="1">
      <c r="A133" s="12" t="s">
        <v>304</v>
      </c>
      <c r="B133" s="13" t="s">
        <v>268</v>
      </c>
      <c r="C133" s="10" t="s">
        <v>9</v>
      </c>
      <c r="D133" s="13" t="s">
        <v>269</v>
      </c>
      <c r="E133" s="13" t="s">
        <v>196</v>
      </c>
      <c r="F133" s="11">
        <v>47422</v>
      </c>
    </row>
    <row r="134" spans="1:6" ht="27.75" customHeight="1">
      <c r="A134" s="23" t="s">
        <v>305</v>
      </c>
      <c r="B134" s="9" t="s">
        <v>268</v>
      </c>
      <c r="C134" s="10" t="s">
        <v>9</v>
      </c>
      <c r="D134" s="9" t="s">
        <v>269</v>
      </c>
      <c r="E134" s="24" t="s">
        <v>55</v>
      </c>
      <c r="F134" s="11">
        <v>46356</v>
      </c>
    </row>
    <row r="135" spans="1:6" ht="27.75" customHeight="1">
      <c r="A135" s="8" t="s">
        <v>306</v>
      </c>
      <c r="B135" s="13" t="s">
        <v>268</v>
      </c>
      <c r="C135" s="10" t="s">
        <v>9</v>
      </c>
      <c r="D135" s="9" t="s">
        <v>269</v>
      </c>
      <c r="E135" s="9" t="s">
        <v>44</v>
      </c>
      <c r="F135" s="11">
        <v>46538</v>
      </c>
    </row>
    <row r="136" spans="1:6" ht="27.75" customHeight="1">
      <c r="A136" s="14" t="s">
        <v>307</v>
      </c>
      <c r="B136" s="9" t="s">
        <v>268</v>
      </c>
      <c r="C136" s="10" t="s">
        <v>9</v>
      </c>
      <c r="D136" s="9" t="s">
        <v>269</v>
      </c>
      <c r="E136" s="9" t="s">
        <v>21</v>
      </c>
      <c r="F136" s="11">
        <v>47879</v>
      </c>
    </row>
    <row r="137" spans="1:6" ht="27.75" customHeight="1">
      <c r="A137" s="12" t="s">
        <v>308</v>
      </c>
      <c r="B137" s="13" t="s">
        <v>268</v>
      </c>
      <c r="C137" s="10" t="s">
        <v>9</v>
      </c>
      <c r="D137" s="13" t="s">
        <v>269</v>
      </c>
      <c r="E137" s="13" t="s">
        <v>228</v>
      </c>
      <c r="F137" s="11">
        <v>47452</v>
      </c>
    </row>
    <row r="138" spans="1:6" ht="27.75" customHeight="1">
      <c r="A138" s="14" t="s">
        <v>309</v>
      </c>
      <c r="B138" s="9" t="s">
        <v>268</v>
      </c>
      <c r="C138" s="10" t="s">
        <v>9</v>
      </c>
      <c r="D138" s="9" t="s">
        <v>269</v>
      </c>
      <c r="E138" s="9" t="s">
        <v>17</v>
      </c>
      <c r="F138" s="11">
        <v>47422</v>
      </c>
    </row>
    <row r="139" spans="1:6" ht="27.75" customHeight="1">
      <c r="A139" s="12" t="s">
        <v>310</v>
      </c>
      <c r="B139" s="13" t="s">
        <v>268</v>
      </c>
      <c r="C139" s="10" t="s">
        <v>9</v>
      </c>
      <c r="D139" s="13" t="s">
        <v>269</v>
      </c>
      <c r="E139" s="13" t="s">
        <v>11</v>
      </c>
      <c r="F139" s="11">
        <v>46203</v>
      </c>
    </row>
    <row r="140" spans="1:6" ht="27.75" customHeight="1">
      <c r="A140" s="20" t="s">
        <v>311</v>
      </c>
      <c r="B140" s="9" t="s">
        <v>268</v>
      </c>
      <c r="C140" s="10" t="s">
        <v>9</v>
      </c>
      <c r="D140" s="13" t="s">
        <v>269</v>
      </c>
      <c r="E140" s="13" t="s">
        <v>40</v>
      </c>
      <c r="F140" s="11">
        <v>47361</v>
      </c>
    </row>
    <row r="141" spans="1:6" ht="27.75" customHeight="1">
      <c r="A141" s="8" t="s">
        <v>312</v>
      </c>
      <c r="B141" s="9" t="s">
        <v>268</v>
      </c>
      <c r="C141" s="10" t="s">
        <v>9</v>
      </c>
      <c r="D141" s="9" t="s">
        <v>269</v>
      </c>
      <c r="E141" s="9" t="s">
        <v>196</v>
      </c>
      <c r="F141" s="11">
        <v>46843</v>
      </c>
    </row>
    <row r="142" spans="1:6" ht="27.75" customHeight="1">
      <c r="A142" s="8" t="s">
        <v>313</v>
      </c>
      <c r="B142" s="13" t="s">
        <v>268</v>
      </c>
      <c r="C142" s="10" t="s">
        <v>9</v>
      </c>
      <c r="D142" s="13" t="s">
        <v>269</v>
      </c>
      <c r="E142" s="13" t="s">
        <v>295</v>
      </c>
      <c r="F142" s="11">
        <v>47422</v>
      </c>
    </row>
    <row r="143" spans="1:6" ht="27.75" customHeight="1">
      <c r="A143" s="12" t="s">
        <v>314</v>
      </c>
      <c r="B143" s="18" t="s">
        <v>268</v>
      </c>
      <c r="C143" s="10" t="s">
        <v>9</v>
      </c>
      <c r="D143" s="18" t="s">
        <v>269</v>
      </c>
      <c r="E143" s="18" t="s">
        <v>228</v>
      </c>
      <c r="F143" s="19">
        <v>46507</v>
      </c>
    </row>
    <row r="144" spans="1:6" ht="27.75" customHeight="1">
      <c r="A144" s="12" t="s">
        <v>315</v>
      </c>
      <c r="B144" s="18" t="s">
        <v>268</v>
      </c>
      <c r="C144" s="10" t="s">
        <v>9</v>
      </c>
      <c r="D144" s="18" t="s">
        <v>269</v>
      </c>
      <c r="E144" s="18" t="s">
        <v>44</v>
      </c>
      <c r="F144" s="19">
        <v>47422</v>
      </c>
    </row>
    <row r="145" spans="1:6" ht="27.75" customHeight="1">
      <c r="A145" s="14" t="s">
        <v>316</v>
      </c>
      <c r="B145" s="9" t="s">
        <v>268</v>
      </c>
      <c r="C145" s="10" t="s">
        <v>9</v>
      </c>
      <c r="D145" s="9" t="s">
        <v>269</v>
      </c>
      <c r="E145" s="9" t="s">
        <v>228</v>
      </c>
      <c r="F145" s="11">
        <v>46783</v>
      </c>
    </row>
    <row r="146" spans="1:6" ht="27.75" customHeight="1">
      <c r="A146" s="14" t="s">
        <v>317</v>
      </c>
      <c r="B146" s="9" t="s">
        <v>268</v>
      </c>
      <c r="C146" s="10" t="s">
        <v>9</v>
      </c>
      <c r="D146" s="9" t="s">
        <v>269</v>
      </c>
      <c r="E146" s="9" t="s">
        <v>40</v>
      </c>
      <c r="F146" s="11">
        <v>47452</v>
      </c>
    </row>
    <row r="147" spans="1:6" ht="27.75" customHeight="1">
      <c r="A147" s="12" t="s">
        <v>318</v>
      </c>
      <c r="B147" s="9" t="s">
        <v>268</v>
      </c>
      <c r="C147" s="10" t="s">
        <v>9</v>
      </c>
      <c r="D147" s="13" t="s">
        <v>269</v>
      </c>
      <c r="E147" s="13" t="s">
        <v>253</v>
      </c>
      <c r="F147" s="11">
        <v>47208</v>
      </c>
    </row>
    <row r="148" spans="1:6" ht="27.75" customHeight="1">
      <c r="A148" s="12" t="s">
        <v>319</v>
      </c>
      <c r="B148" s="13" t="s">
        <v>268</v>
      </c>
      <c r="C148" s="10" t="s">
        <v>9</v>
      </c>
      <c r="D148" s="13" t="s">
        <v>269</v>
      </c>
      <c r="E148" s="13" t="s">
        <v>11</v>
      </c>
      <c r="F148" s="11">
        <v>46630</v>
      </c>
    </row>
    <row r="149" spans="1:6" ht="27.75" customHeight="1">
      <c r="A149" s="14" t="s">
        <v>320</v>
      </c>
      <c r="B149" s="13" t="s">
        <v>268</v>
      </c>
      <c r="C149" s="10" t="s">
        <v>9</v>
      </c>
      <c r="D149" s="9" t="s">
        <v>269</v>
      </c>
      <c r="E149" s="9" t="s">
        <v>321</v>
      </c>
      <c r="F149" s="11">
        <v>46599</v>
      </c>
    </row>
    <row r="150" spans="1:6" ht="27.75" customHeight="1">
      <c r="A150" s="12" t="s">
        <v>322</v>
      </c>
      <c r="B150" s="13" t="s">
        <v>268</v>
      </c>
      <c r="C150" s="10" t="s">
        <v>9</v>
      </c>
      <c r="D150" s="18" t="s">
        <v>269</v>
      </c>
      <c r="E150" s="18" t="s">
        <v>11</v>
      </c>
      <c r="F150" s="19">
        <v>47573</v>
      </c>
    </row>
    <row r="151" spans="1:6" ht="27.75" customHeight="1">
      <c r="A151" s="12" t="s">
        <v>323</v>
      </c>
      <c r="B151" s="13" t="s">
        <v>268</v>
      </c>
      <c r="C151" s="10" t="s">
        <v>9</v>
      </c>
      <c r="D151" s="13" t="s">
        <v>269</v>
      </c>
      <c r="E151" s="13" t="s">
        <v>324</v>
      </c>
      <c r="F151" s="11">
        <v>47422</v>
      </c>
    </row>
    <row r="152" spans="1:6" ht="27.75" customHeight="1">
      <c r="A152" s="14" t="s">
        <v>325</v>
      </c>
      <c r="B152" s="9" t="s">
        <v>268</v>
      </c>
      <c r="C152" s="10" t="s">
        <v>9</v>
      </c>
      <c r="D152" s="9" t="s">
        <v>269</v>
      </c>
      <c r="E152" s="9" t="s">
        <v>326</v>
      </c>
      <c r="F152" s="11">
        <v>47422</v>
      </c>
    </row>
    <row r="153" spans="1:6" ht="27.75" customHeight="1">
      <c r="A153" s="12" t="s">
        <v>327</v>
      </c>
      <c r="B153" s="13" t="s">
        <v>268</v>
      </c>
      <c r="C153" s="10" t="s">
        <v>9</v>
      </c>
      <c r="D153" s="13" t="s">
        <v>269</v>
      </c>
      <c r="E153" s="13" t="s">
        <v>298</v>
      </c>
      <c r="F153" s="11">
        <v>47299</v>
      </c>
    </row>
    <row r="154" spans="1:6" ht="27.75" customHeight="1">
      <c r="A154" s="14" t="s">
        <v>328</v>
      </c>
      <c r="B154" s="9" t="s">
        <v>268</v>
      </c>
      <c r="C154" s="10" t="s">
        <v>9</v>
      </c>
      <c r="D154" s="9" t="s">
        <v>269</v>
      </c>
      <c r="E154" s="9" t="s">
        <v>253</v>
      </c>
      <c r="F154" s="11">
        <v>47603</v>
      </c>
    </row>
    <row r="155" spans="1:6" ht="27.75" customHeight="1">
      <c r="A155" s="12" t="s">
        <v>329</v>
      </c>
      <c r="B155" s="9" t="s">
        <v>268</v>
      </c>
      <c r="C155" s="10" t="s">
        <v>9</v>
      </c>
      <c r="D155" s="9" t="s">
        <v>269</v>
      </c>
      <c r="E155" s="13" t="s">
        <v>21</v>
      </c>
      <c r="F155" s="11">
        <v>47634</v>
      </c>
    </row>
    <row r="156" spans="1:6" ht="27.75" customHeight="1">
      <c r="A156" s="12" t="s">
        <v>330</v>
      </c>
      <c r="B156" s="13" t="s">
        <v>268</v>
      </c>
      <c r="C156" s="10" t="s">
        <v>9</v>
      </c>
      <c r="D156" s="9" t="s">
        <v>269</v>
      </c>
      <c r="E156" s="13" t="s">
        <v>115</v>
      </c>
      <c r="F156" s="11">
        <v>47664</v>
      </c>
    </row>
    <row r="157" spans="1:6" ht="27.75" customHeight="1">
      <c r="A157" s="17" t="s">
        <v>331</v>
      </c>
      <c r="B157" s="9" t="s">
        <v>332</v>
      </c>
      <c r="C157" s="10" t="s">
        <v>9</v>
      </c>
      <c r="D157" s="13" t="s">
        <v>333</v>
      </c>
      <c r="E157" s="9" t="s">
        <v>334</v>
      </c>
      <c r="F157" s="11">
        <v>46904</v>
      </c>
    </row>
    <row r="158" spans="1:6" ht="27.75" customHeight="1">
      <c r="A158" s="14" t="s">
        <v>335</v>
      </c>
      <c r="B158" s="9" t="s">
        <v>336</v>
      </c>
      <c r="C158" s="10" t="s">
        <v>9</v>
      </c>
      <c r="D158" s="13" t="s">
        <v>337</v>
      </c>
      <c r="E158" s="9" t="s">
        <v>17</v>
      </c>
      <c r="F158" s="11">
        <v>47938</v>
      </c>
    </row>
    <row r="159" spans="1:6" ht="27.75" customHeight="1">
      <c r="A159" s="20" t="s">
        <v>338</v>
      </c>
      <c r="B159" s="9" t="s">
        <v>336</v>
      </c>
      <c r="C159" s="10" t="s">
        <v>9</v>
      </c>
      <c r="D159" s="13" t="s">
        <v>337</v>
      </c>
      <c r="E159" s="13" t="s">
        <v>253</v>
      </c>
      <c r="F159" s="11">
        <v>46996</v>
      </c>
    </row>
    <row r="160" spans="1:6" ht="27.75" customHeight="1">
      <c r="A160" s="14" t="s">
        <v>339</v>
      </c>
      <c r="B160" s="9" t="s">
        <v>336</v>
      </c>
      <c r="C160" s="10" t="s">
        <v>9</v>
      </c>
      <c r="D160" s="9" t="s">
        <v>337</v>
      </c>
      <c r="E160" s="9" t="s">
        <v>40</v>
      </c>
      <c r="F160" s="11">
        <v>47726</v>
      </c>
    </row>
    <row r="161" spans="1:6" ht="27.75" customHeight="1">
      <c r="A161" s="12" t="s">
        <v>340</v>
      </c>
      <c r="B161" s="18" t="s">
        <v>336</v>
      </c>
      <c r="C161" s="10" t="s">
        <v>9</v>
      </c>
      <c r="D161" s="18" t="s">
        <v>337</v>
      </c>
      <c r="E161" s="18" t="s">
        <v>11</v>
      </c>
      <c r="F161" s="19">
        <v>47330</v>
      </c>
    </row>
    <row r="162" spans="1:6" ht="27.75" customHeight="1">
      <c r="A162" s="12" t="s">
        <v>341</v>
      </c>
      <c r="B162" s="13" t="s">
        <v>342</v>
      </c>
      <c r="C162" s="10" t="s">
        <v>9</v>
      </c>
      <c r="D162" s="13" t="s">
        <v>343</v>
      </c>
      <c r="E162" s="13" t="s">
        <v>35</v>
      </c>
      <c r="F162" s="11">
        <v>47422</v>
      </c>
    </row>
    <row r="163" spans="1:6" ht="27.75" customHeight="1">
      <c r="A163" s="14" t="s">
        <v>344</v>
      </c>
      <c r="B163" s="9" t="s">
        <v>345</v>
      </c>
      <c r="C163" s="10" t="s">
        <v>9</v>
      </c>
      <c r="D163" s="9" t="s">
        <v>346</v>
      </c>
      <c r="E163" s="9" t="s">
        <v>347</v>
      </c>
      <c r="F163" s="11">
        <v>47422</v>
      </c>
    </row>
    <row r="164" spans="1:6" ht="27.75" customHeight="1">
      <c r="A164" s="14" t="s">
        <v>348</v>
      </c>
      <c r="B164" s="9" t="s">
        <v>349</v>
      </c>
      <c r="C164" s="10" t="s">
        <v>9</v>
      </c>
      <c r="D164" s="9" t="s">
        <v>350</v>
      </c>
      <c r="E164" s="9" t="s">
        <v>17</v>
      </c>
      <c r="F164" s="11">
        <v>47422</v>
      </c>
    </row>
    <row r="165" spans="1:6" ht="27.75" customHeight="1">
      <c r="A165" s="14" t="s">
        <v>351</v>
      </c>
      <c r="B165" s="9" t="s">
        <v>349</v>
      </c>
      <c r="C165" s="10" t="s">
        <v>9</v>
      </c>
      <c r="D165" s="9" t="s">
        <v>352</v>
      </c>
      <c r="E165" s="9" t="s">
        <v>17</v>
      </c>
      <c r="F165" s="11">
        <v>47726</v>
      </c>
    </row>
    <row r="166" spans="1:6" ht="27.75" customHeight="1">
      <c r="A166" s="20" t="s">
        <v>353</v>
      </c>
      <c r="B166" s="9" t="s">
        <v>349</v>
      </c>
      <c r="C166" s="10" t="s">
        <v>9</v>
      </c>
      <c r="D166" s="13" t="s">
        <v>352</v>
      </c>
      <c r="E166" s="13" t="s">
        <v>17</v>
      </c>
      <c r="F166" s="11">
        <v>47726</v>
      </c>
    </row>
    <row r="167" spans="1:6" ht="27.75" customHeight="1">
      <c r="A167" s="8" t="s">
        <v>354</v>
      </c>
      <c r="B167" s="9" t="s">
        <v>349</v>
      </c>
      <c r="C167" s="10" t="s">
        <v>9</v>
      </c>
      <c r="D167" s="9" t="s">
        <v>352</v>
      </c>
      <c r="E167" s="9" t="s">
        <v>17</v>
      </c>
      <c r="F167" s="11">
        <v>47726</v>
      </c>
    </row>
    <row r="168" spans="1:6" ht="27.75" customHeight="1">
      <c r="A168" s="8" t="s">
        <v>355</v>
      </c>
      <c r="B168" s="9" t="s">
        <v>349</v>
      </c>
      <c r="C168" s="10" t="s">
        <v>9</v>
      </c>
      <c r="D168" s="9" t="s">
        <v>352</v>
      </c>
      <c r="E168" s="9" t="s">
        <v>17</v>
      </c>
      <c r="F168" s="11">
        <v>47726</v>
      </c>
    </row>
    <row r="169" spans="1:6" ht="27.75" customHeight="1">
      <c r="A169" s="8" t="s">
        <v>356</v>
      </c>
      <c r="B169" s="9" t="s">
        <v>357</v>
      </c>
      <c r="C169" s="10" t="s">
        <v>9</v>
      </c>
      <c r="D169" s="9" t="s">
        <v>358</v>
      </c>
      <c r="E169" s="9" t="s">
        <v>300</v>
      </c>
      <c r="F169" s="11">
        <v>47422</v>
      </c>
    </row>
    <row r="170" spans="1:6" ht="27.75" customHeight="1">
      <c r="A170" s="12" t="s">
        <v>359</v>
      </c>
      <c r="B170" s="13" t="s">
        <v>360</v>
      </c>
      <c r="C170" s="10" t="s">
        <v>9</v>
      </c>
      <c r="D170" s="13" t="s">
        <v>361</v>
      </c>
      <c r="E170" s="13" t="s">
        <v>234</v>
      </c>
      <c r="F170" s="11">
        <v>47907</v>
      </c>
    </row>
    <row r="171" spans="1:6" ht="27.75" customHeight="1">
      <c r="A171" s="12" t="s">
        <v>362</v>
      </c>
      <c r="B171" s="13" t="s">
        <v>349</v>
      </c>
      <c r="C171" s="10" t="s">
        <v>9</v>
      </c>
      <c r="D171" s="13" t="s">
        <v>363</v>
      </c>
      <c r="E171" s="13" t="s">
        <v>17</v>
      </c>
      <c r="F171" s="11">
        <v>46538</v>
      </c>
    </row>
    <row r="172" spans="1:6" ht="27.75" customHeight="1">
      <c r="A172" s="12" t="s">
        <v>364</v>
      </c>
      <c r="B172" s="13" t="s">
        <v>349</v>
      </c>
      <c r="C172" s="10" t="s">
        <v>9</v>
      </c>
      <c r="D172" s="13" t="s">
        <v>363</v>
      </c>
      <c r="E172" s="13" t="s">
        <v>17</v>
      </c>
      <c r="F172" s="11">
        <v>46477</v>
      </c>
    </row>
    <row r="173" spans="1:6" ht="27.75" customHeight="1">
      <c r="A173" s="12" t="s">
        <v>365</v>
      </c>
      <c r="B173" s="13" t="s">
        <v>349</v>
      </c>
      <c r="C173" s="10" t="s">
        <v>9</v>
      </c>
      <c r="D173" s="13" t="s">
        <v>363</v>
      </c>
      <c r="E173" s="13" t="s">
        <v>17</v>
      </c>
      <c r="F173" s="11">
        <v>46538</v>
      </c>
    </row>
    <row r="174" spans="1:6" ht="27.75" customHeight="1">
      <c r="A174" s="23" t="s">
        <v>366</v>
      </c>
      <c r="B174" s="9" t="s">
        <v>367</v>
      </c>
      <c r="C174" s="10" t="s">
        <v>9</v>
      </c>
      <c r="D174" s="9" t="s">
        <v>368</v>
      </c>
      <c r="E174" s="24" t="s">
        <v>369</v>
      </c>
      <c r="F174" s="11">
        <v>46326</v>
      </c>
    </row>
    <row r="175" spans="1:6" ht="27.75" customHeight="1">
      <c r="A175" s="14" t="s">
        <v>370</v>
      </c>
      <c r="B175" s="9" t="s">
        <v>367</v>
      </c>
      <c r="C175" s="10" t="s">
        <v>9</v>
      </c>
      <c r="D175" s="9" t="s">
        <v>368</v>
      </c>
      <c r="E175" s="9" t="s">
        <v>44</v>
      </c>
      <c r="F175" s="11">
        <v>47422</v>
      </c>
    </row>
    <row r="176" spans="1:6" ht="27.75" customHeight="1">
      <c r="A176" s="14" t="s">
        <v>371</v>
      </c>
      <c r="B176" s="9" t="s">
        <v>372</v>
      </c>
      <c r="C176" s="10" t="s">
        <v>9</v>
      </c>
      <c r="D176" s="9" t="s">
        <v>373</v>
      </c>
      <c r="E176" s="46" t="s">
        <v>374</v>
      </c>
      <c r="F176" s="11">
        <v>46904</v>
      </c>
    </row>
    <row r="177" spans="1:6" ht="27.75" customHeight="1">
      <c r="A177" s="12" t="s">
        <v>375</v>
      </c>
      <c r="B177" s="18" t="s">
        <v>376</v>
      </c>
      <c r="C177" s="10" t="s">
        <v>9</v>
      </c>
      <c r="D177" s="18" t="s">
        <v>377</v>
      </c>
      <c r="E177" s="18" t="s">
        <v>63</v>
      </c>
      <c r="F177" s="19">
        <v>47299</v>
      </c>
    </row>
    <row r="178" spans="1:6" ht="27.75" customHeight="1">
      <c r="A178" s="12" t="s">
        <v>378</v>
      </c>
      <c r="B178" s="13" t="s">
        <v>376</v>
      </c>
      <c r="C178" s="10" t="s">
        <v>9</v>
      </c>
      <c r="D178" s="13" t="s">
        <v>379</v>
      </c>
      <c r="E178" s="13" t="s">
        <v>63</v>
      </c>
      <c r="F178" s="11">
        <v>47422</v>
      </c>
    </row>
    <row r="179" spans="1:6" ht="27.75" customHeight="1">
      <c r="A179" s="12" t="s">
        <v>380</v>
      </c>
      <c r="B179" s="13" t="s">
        <v>381</v>
      </c>
      <c r="C179" s="10" t="s">
        <v>9</v>
      </c>
      <c r="D179" s="13" t="s">
        <v>382</v>
      </c>
      <c r="E179" s="13" t="s">
        <v>40</v>
      </c>
      <c r="F179" s="11">
        <v>47452</v>
      </c>
    </row>
    <row r="180" spans="1:6" ht="27.75" customHeight="1">
      <c r="A180" s="14" t="s">
        <v>383</v>
      </c>
      <c r="B180" s="9" t="s">
        <v>384</v>
      </c>
      <c r="C180" s="10" t="s">
        <v>9</v>
      </c>
      <c r="D180" s="9" t="s">
        <v>385</v>
      </c>
      <c r="E180" s="9" t="s">
        <v>386</v>
      </c>
      <c r="F180" s="11">
        <v>47514</v>
      </c>
    </row>
    <row r="181" spans="1:6" ht="27.75" customHeight="1">
      <c r="A181" s="14" t="s">
        <v>387</v>
      </c>
      <c r="B181" s="9" t="s">
        <v>388</v>
      </c>
      <c r="C181" s="10" t="s">
        <v>9</v>
      </c>
      <c r="D181" s="9" t="s">
        <v>389</v>
      </c>
      <c r="E181" s="9" t="s">
        <v>228</v>
      </c>
      <c r="F181" s="11">
        <v>47422</v>
      </c>
    </row>
    <row r="182" spans="1:6" ht="27.75" customHeight="1">
      <c r="A182" s="17" t="s">
        <v>390</v>
      </c>
      <c r="B182" s="9" t="s">
        <v>391</v>
      </c>
      <c r="C182" s="10" t="s">
        <v>9</v>
      </c>
      <c r="D182" s="9" t="s">
        <v>389</v>
      </c>
      <c r="E182" s="9" t="s">
        <v>196</v>
      </c>
      <c r="F182" s="11">
        <v>47422</v>
      </c>
    </row>
    <row r="183" spans="1:6" ht="27.75" customHeight="1">
      <c r="A183" s="12" t="s">
        <v>392</v>
      </c>
      <c r="B183" s="13" t="s">
        <v>391</v>
      </c>
      <c r="C183" s="10" t="s">
        <v>9</v>
      </c>
      <c r="D183" s="13" t="s">
        <v>389</v>
      </c>
      <c r="E183" s="13" t="s">
        <v>393</v>
      </c>
      <c r="F183" s="11">
        <v>47422</v>
      </c>
    </row>
    <row r="184" spans="1:6" ht="27.75" customHeight="1">
      <c r="A184" s="12" t="s">
        <v>394</v>
      </c>
      <c r="B184" s="13" t="s">
        <v>391</v>
      </c>
      <c r="C184" s="10" t="s">
        <v>9</v>
      </c>
      <c r="D184" s="13" t="s">
        <v>389</v>
      </c>
      <c r="E184" s="13" t="s">
        <v>228</v>
      </c>
      <c r="F184" s="11">
        <v>47422</v>
      </c>
    </row>
    <row r="185" spans="1:6" ht="27.75" customHeight="1">
      <c r="A185" s="14" t="s">
        <v>395</v>
      </c>
      <c r="B185" s="9" t="s">
        <v>391</v>
      </c>
      <c r="C185" s="10" t="s">
        <v>9</v>
      </c>
      <c r="D185" s="9" t="s">
        <v>389</v>
      </c>
      <c r="E185" s="9" t="s">
        <v>40</v>
      </c>
      <c r="F185" s="11">
        <v>46203</v>
      </c>
    </row>
    <row r="186" spans="1:6" ht="27.75" customHeight="1">
      <c r="A186" s="12" t="s">
        <v>396</v>
      </c>
      <c r="B186" s="13" t="s">
        <v>391</v>
      </c>
      <c r="C186" s="10" t="s">
        <v>9</v>
      </c>
      <c r="D186" s="13" t="s">
        <v>389</v>
      </c>
      <c r="E186" s="13" t="s">
        <v>253</v>
      </c>
      <c r="F186" s="11">
        <v>46446</v>
      </c>
    </row>
    <row r="187" spans="1:6" ht="27.75" customHeight="1">
      <c r="A187" s="12" t="s">
        <v>397</v>
      </c>
      <c r="B187" s="13" t="s">
        <v>391</v>
      </c>
      <c r="C187" s="10" t="s">
        <v>9</v>
      </c>
      <c r="D187" s="13" t="s">
        <v>389</v>
      </c>
      <c r="E187" s="13" t="s">
        <v>398</v>
      </c>
      <c r="F187" s="11">
        <v>47422</v>
      </c>
    </row>
    <row r="188" spans="1:6" ht="27.75" customHeight="1">
      <c r="A188" s="14" t="s">
        <v>399</v>
      </c>
      <c r="B188" s="9" t="s">
        <v>391</v>
      </c>
      <c r="C188" s="10" t="s">
        <v>9</v>
      </c>
      <c r="D188" s="9" t="s">
        <v>389</v>
      </c>
      <c r="E188" s="9" t="s">
        <v>398</v>
      </c>
      <c r="F188" s="11">
        <v>47422</v>
      </c>
    </row>
    <row r="189" spans="1:6" ht="27.75" customHeight="1">
      <c r="A189" s="8" t="s">
        <v>400</v>
      </c>
      <c r="B189" s="13" t="s">
        <v>391</v>
      </c>
      <c r="C189" s="10" t="s">
        <v>9</v>
      </c>
      <c r="D189" s="13" t="s">
        <v>389</v>
      </c>
      <c r="E189" s="13" t="s">
        <v>398</v>
      </c>
      <c r="F189" s="11">
        <v>47422</v>
      </c>
    </row>
    <row r="190" spans="1:6" ht="27.75" customHeight="1">
      <c r="A190" s="12" t="s">
        <v>401</v>
      </c>
      <c r="B190" s="13" t="s">
        <v>402</v>
      </c>
      <c r="C190" s="10" t="s">
        <v>9</v>
      </c>
      <c r="D190" s="13" t="s">
        <v>403</v>
      </c>
      <c r="E190" s="13" t="s">
        <v>21</v>
      </c>
      <c r="F190" s="11">
        <v>47422</v>
      </c>
    </row>
    <row r="191" spans="1:6" ht="27.75" customHeight="1">
      <c r="A191" s="12" t="s">
        <v>404</v>
      </c>
      <c r="B191" s="13" t="s">
        <v>402</v>
      </c>
      <c r="C191" s="10" t="s">
        <v>9</v>
      </c>
      <c r="D191" s="13" t="s">
        <v>403</v>
      </c>
      <c r="E191" s="13" t="s">
        <v>21</v>
      </c>
      <c r="F191" s="11">
        <v>47422</v>
      </c>
    </row>
    <row r="192" spans="1:6" ht="27.75" customHeight="1">
      <c r="A192" s="12" t="s">
        <v>405</v>
      </c>
      <c r="B192" s="13" t="s">
        <v>402</v>
      </c>
      <c r="C192" s="10" t="s">
        <v>9</v>
      </c>
      <c r="D192" s="13" t="s">
        <v>403</v>
      </c>
      <c r="E192" s="13" t="s">
        <v>21</v>
      </c>
      <c r="F192" s="11">
        <v>46295</v>
      </c>
    </row>
    <row r="193" spans="1:6" ht="27.75" customHeight="1">
      <c r="A193" s="14" t="s">
        <v>406</v>
      </c>
      <c r="B193" s="9" t="s">
        <v>407</v>
      </c>
      <c r="C193" s="10" t="s">
        <v>9</v>
      </c>
      <c r="D193" s="9" t="s">
        <v>408</v>
      </c>
      <c r="E193" s="9" t="s">
        <v>17</v>
      </c>
      <c r="F193" s="11">
        <v>47422</v>
      </c>
    </row>
    <row r="194" spans="1:6" ht="27.75" customHeight="1">
      <c r="A194" s="8" t="s">
        <v>409</v>
      </c>
      <c r="B194" s="9" t="s">
        <v>410</v>
      </c>
      <c r="C194" s="10" t="s">
        <v>9</v>
      </c>
      <c r="D194" s="9" t="s">
        <v>411</v>
      </c>
      <c r="E194" s="9" t="s">
        <v>412</v>
      </c>
      <c r="F194" s="11">
        <v>47330</v>
      </c>
    </row>
    <row r="195" spans="1:6" ht="27.75" customHeight="1">
      <c r="A195" s="17" t="s">
        <v>413</v>
      </c>
      <c r="B195" s="9" t="s">
        <v>410</v>
      </c>
      <c r="C195" s="10" t="s">
        <v>9</v>
      </c>
      <c r="D195" s="9" t="s">
        <v>411</v>
      </c>
      <c r="E195" s="9" t="s">
        <v>414</v>
      </c>
      <c r="F195" s="11">
        <v>47269</v>
      </c>
    </row>
    <row r="196" spans="1:6" ht="27.75" customHeight="1">
      <c r="A196" s="14" t="s">
        <v>415</v>
      </c>
      <c r="B196" s="13" t="s">
        <v>416</v>
      </c>
      <c r="C196" s="10" t="s">
        <v>9</v>
      </c>
      <c r="D196" s="13" t="s">
        <v>417</v>
      </c>
      <c r="E196" s="9" t="s">
        <v>17</v>
      </c>
      <c r="F196" s="11">
        <v>47452</v>
      </c>
    </row>
    <row r="197" spans="1:6" ht="27.75" customHeight="1">
      <c r="A197" s="17" t="s">
        <v>418</v>
      </c>
      <c r="B197" s="9" t="s">
        <v>419</v>
      </c>
      <c r="C197" s="10" t="s">
        <v>9</v>
      </c>
      <c r="D197" s="9" t="s">
        <v>420</v>
      </c>
      <c r="E197" s="9" t="s">
        <v>253</v>
      </c>
      <c r="F197" s="11">
        <v>47603</v>
      </c>
    </row>
    <row r="198" spans="1:6" ht="27.75" customHeight="1">
      <c r="A198" s="12" t="s">
        <v>421</v>
      </c>
      <c r="B198" s="13" t="s">
        <v>419</v>
      </c>
      <c r="C198" s="10" t="s">
        <v>9</v>
      </c>
      <c r="D198" s="13" t="s">
        <v>420</v>
      </c>
      <c r="E198" s="13" t="s">
        <v>11</v>
      </c>
      <c r="F198" s="11">
        <v>47422</v>
      </c>
    </row>
    <row r="199" spans="1:6" ht="27.75" customHeight="1">
      <c r="A199" s="12" t="s">
        <v>422</v>
      </c>
      <c r="B199" s="13" t="s">
        <v>419</v>
      </c>
      <c r="C199" s="10" t="s">
        <v>9</v>
      </c>
      <c r="D199" s="13" t="s">
        <v>420</v>
      </c>
      <c r="E199" s="13" t="s">
        <v>253</v>
      </c>
      <c r="F199" s="11">
        <v>47208</v>
      </c>
    </row>
    <row r="200" spans="1:6" ht="27.75" customHeight="1">
      <c r="A200" s="17" t="s">
        <v>423</v>
      </c>
      <c r="B200" s="9" t="s">
        <v>419</v>
      </c>
      <c r="C200" s="10" t="s">
        <v>9</v>
      </c>
      <c r="D200" s="9" t="s">
        <v>420</v>
      </c>
      <c r="E200" s="9" t="s">
        <v>424</v>
      </c>
      <c r="F200" s="11">
        <v>47422</v>
      </c>
    </row>
    <row r="201" spans="1:6" ht="27.75" customHeight="1">
      <c r="A201" s="12" t="s">
        <v>425</v>
      </c>
      <c r="B201" s="13" t="s">
        <v>419</v>
      </c>
      <c r="C201" s="10" t="s">
        <v>9</v>
      </c>
      <c r="D201" s="13" t="s">
        <v>420</v>
      </c>
      <c r="E201" s="13" t="s">
        <v>228</v>
      </c>
      <c r="F201" s="11">
        <v>47603</v>
      </c>
    </row>
    <row r="202" spans="1:6" ht="27.75" customHeight="1">
      <c r="A202" s="12" t="s">
        <v>426</v>
      </c>
      <c r="B202" s="18" t="s">
        <v>419</v>
      </c>
      <c r="C202" s="10" t="s">
        <v>9</v>
      </c>
      <c r="D202" s="18" t="s">
        <v>420</v>
      </c>
      <c r="E202" s="18" t="s">
        <v>115</v>
      </c>
      <c r="F202" s="19">
        <v>47756</v>
      </c>
    </row>
    <row r="203" spans="1:6" ht="27.75" customHeight="1">
      <c r="A203" s="14" t="s">
        <v>427</v>
      </c>
      <c r="B203" s="9" t="s">
        <v>419</v>
      </c>
      <c r="C203" s="10" t="s">
        <v>9</v>
      </c>
      <c r="D203" s="9" t="s">
        <v>420</v>
      </c>
      <c r="E203" s="9" t="s">
        <v>44</v>
      </c>
      <c r="F203" s="11">
        <v>47422</v>
      </c>
    </row>
    <row r="204" spans="1:6" ht="27.75" customHeight="1">
      <c r="A204" s="14" t="s">
        <v>428</v>
      </c>
      <c r="B204" s="9" t="s">
        <v>419</v>
      </c>
      <c r="C204" s="10" t="s">
        <v>9</v>
      </c>
      <c r="D204" s="9" t="s">
        <v>420</v>
      </c>
      <c r="E204" s="9" t="s">
        <v>111</v>
      </c>
      <c r="F204" s="11">
        <v>47603</v>
      </c>
    </row>
    <row r="205" spans="1:6" ht="27.75" customHeight="1">
      <c r="A205" s="14" t="s">
        <v>429</v>
      </c>
      <c r="B205" s="9" t="s">
        <v>419</v>
      </c>
      <c r="C205" s="10" t="s">
        <v>9</v>
      </c>
      <c r="D205" s="9" t="s">
        <v>420</v>
      </c>
      <c r="E205" s="9" t="s">
        <v>430</v>
      </c>
      <c r="F205" s="11">
        <v>46112</v>
      </c>
    </row>
    <row r="206" spans="1:6" ht="27.75" customHeight="1">
      <c r="A206" s="12" t="s">
        <v>431</v>
      </c>
      <c r="B206" s="13" t="s">
        <v>419</v>
      </c>
      <c r="C206" s="10" t="s">
        <v>9</v>
      </c>
      <c r="D206" s="13" t="s">
        <v>420</v>
      </c>
      <c r="E206" s="13" t="s">
        <v>228</v>
      </c>
      <c r="F206" s="11">
        <v>47422</v>
      </c>
    </row>
    <row r="207" spans="1:6" ht="27.75" customHeight="1">
      <c r="A207" s="14" t="s">
        <v>432</v>
      </c>
      <c r="B207" s="9" t="s">
        <v>419</v>
      </c>
      <c r="C207" s="10" t="s">
        <v>9</v>
      </c>
      <c r="D207" s="9" t="s">
        <v>420</v>
      </c>
      <c r="E207" s="9" t="s">
        <v>433</v>
      </c>
      <c r="F207" s="11">
        <v>47238</v>
      </c>
    </row>
    <row r="208" spans="1:6" ht="27.75" customHeight="1">
      <c r="A208" s="14" t="s">
        <v>434</v>
      </c>
      <c r="B208" s="9" t="s">
        <v>419</v>
      </c>
      <c r="C208" s="10" t="s">
        <v>9</v>
      </c>
      <c r="D208" s="9" t="s">
        <v>420</v>
      </c>
      <c r="E208" s="9" t="s">
        <v>40</v>
      </c>
      <c r="F208" s="11">
        <v>47452</v>
      </c>
    </row>
    <row r="209" spans="1:6" ht="27.75" customHeight="1">
      <c r="A209" s="14" t="s">
        <v>435</v>
      </c>
      <c r="B209" s="9" t="s">
        <v>419</v>
      </c>
      <c r="C209" s="10" t="s">
        <v>9</v>
      </c>
      <c r="D209" s="9" t="s">
        <v>420</v>
      </c>
      <c r="E209" s="9" t="s">
        <v>253</v>
      </c>
      <c r="F209" s="11">
        <v>47057</v>
      </c>
    </row>
    <row r="210" spans="1:6" ht="27.75" customHeight="1">
      <c r="A210" s="12" t="s">
        <v>436</v>
      </c>
      <c r="B210" s="13" t="s">
        <v>419</v>
      </c>
      <c r="C210" s="10" t="s">
        <v>9</v>
      </c>
      <c r="D210" s="13" t="s">
        <v>420</v>
      </c>
      <c r="E210" s="13" t="s">
        <v>253</v>
      </c>
      <c r="F210" s="11">
        <v>46326</v>
      </c>
    </row>
    <row r="211" spans="1:6" ht="27.75" customHeight="1">
      <c r="A211" s="8" t="s">
        <v>437</v>
      </c>
      <c r="B211" s="9" t="s">
        <v>419</v>
      </c>
      <c r="C211" s="10" t="s">
        <v>9</v>
      </c>
      <c r="D211" s="13" t="s">
        <v>420</v>
      </c>
      <c r="E211" s="9" t="s">
        <v>228</v>
      </c>
      <c r="F211" s="11">
        <v>46507</v>
      </c>
    </row>
    <row r="212" spans="1:6" ht="27.75" customHeight="1">
      <c r="A212" s="8" t="s">
        <v>438</v>
      </c>
      <c r="B212" s="13" t="s">
        <v>419</v>
      </c>
      <c r="C212" s="10" t="s">
        <v>9</v>
      </c>
      <c r="D212" s="13" t="s">
        <v>420</v>
      </c>
      <c r="E212" s="13" t="s">
        <v>232</v>
      </c>
      <c r="F212" s="11">
        <v>46112</v>
      </c>
    </row>
    <row r="213" spans="1:6" ht="27.75" customHeight="1">
      <c r="A213" s="14" t="s">
        <v>439</v>
      </c>
      <c r="B213" s="9" t="s">
        <v>419</v>
      </c>
      <c r="C213" s="10" t="s">
        <v>9</v>
      </c>
      <c r="D213" s="9" t="s">
        <v>420</v>
      </c>
      <c r="E213" s="9" t="s">
        <v>228</v>
      </c>
      <c r="F213" s="11">
        <v>47422</v>
      </c>
    </row>
    <row r="214" spans="1:6" ht="27.75" customHeight="1">
      <c r="A214" s="12" t="s">
        <v>440</v>
      </c>
      <c r="B214" s="13" t="s">
        <v>419</v>
      </c>
      <c r="C214" s="10" t="s">
        <v>9</v>
      </c>
      <c r="D214" s="13" t="s">
        <v>420</v>
      </c>
      <c r="E214" s="13" t="s">
        <v>40</v>
      </c>
      <c r="F214" s="11">
        <v>47361</v>
      </c>
    </row>
    <row r="215" spans="1:6" ht="27.75" customHeight="1">
      <c r="A215" s="23" t="s">
        <v>441</v>
      </c>
      <c r="B215" s="24" t="s">
        <v>419</v>
      </c>
      <c r="C215" s="10" t="s">
        <v>9</v>
      </c>
      <c r="D215" s="9" t="s">
        <v>420</v>
      </c>
      <c r="E215" s="24" t="s">
        <v>196</v>
      </c>
      <c r="F215" s="11">
        <v>47603</v>
      </c>
    </row>
    <row r="216" spans="1:6" ht="27.75" customHeight="1">
      <c r="A216" s="23" t="s">
        <v>442</v>
      </c>
      <c r="B216" s="24" t="s">
        <v>419</v>
      </c>
      <c r="C216" s="10" t="s">
        <v>9</v>
      </c>
      <c r="D216" s="9" t="s">
        <v>420</v>
      </c>
      <c r="E216" s="24" t="s">
        <v>430</v>
      </c>
      <c r="F216" s="11">
        <v>47422</v>
      </c>
    </row>
    <row r="217" spans="1:6" ht="27.75" customHeight="1">
      <c r="A217" s="23" t="s">
        <v>443</v>
      </c>
      <c r="B217" s="24" t="s">
        <v>419</v>
      </c>
      <c r="C217" s="10" t="s">
        <v>9</v>
      </c>
      <c r="D217" s="9" t="s">
        <v>420</v>
      </c>
      <c r="E217" s="24" t="s">
        <v>234</v>
      </c>
      <c r="F217" s="11">
        <v>47422</v>
      </c>
    </row>
    <row r="218" spans="1:6" ht="27.75" customHeight="1">
      <c r="A218" s="12" t="s">
        <v>444</v>
      </c>
      <c r="B218" s="13" t="s">
        <v>419</v>
      </c>
      <c r="C218" s="10" t="s">
        <v>9</v>
      </c>
      <c r="D218" s="13" t="s">
        <v>420</v>
      </c>
      <c r="E218" s="13" t="s">
        <v>44</v>
      </c>
      <c r="F218" s="11">
        <v>47452</v>
      </c>
    </row>
    <row r="219" spans="1:6" ht="27.75" customHeight="1">
      <c r="A219" s="12" t="s">
        <v>445</v>
      </c>
      <c r="B219" s="13" t="s">
        <v>419</v>
      </c>
      <c r="C219" s="10" t="s">
        <v>9</v>
      </c>
      <c r="D219" s="13" t="s">
        <v>420</v>
      </c>
      <c r="E219" s="13" t="s">
        <v>17</v>
      </c>
      <c r="F219" s="11">
        <v>47422</v>
      </c>
    </row>
    <row r="220" spans="1:6" ht="27.75" customHeight="1">
      <c r="A220" s="8" t="s">
        <v>446</v>
      </c>
      <c r="B220" s="9" t="s">
        <v>419</v>
      </c>
      <c r="C220" s="10" t="s">
        <v>9</v>
      </c>
      <c r="D220" s="9" t="s">
        <v>420</v>
      </c>
      <c r="E220" s="9" t="s">
        <v>321</v>
      </c>
      <c r="F220" s="11">
        <v>47422</v>
      </c>
    </row>
    <row r="221" spans="1:6" ht="27.75" customHeight="1">
      <c r="A221" s="8" t="s">
        <v>447</v>
      </c>
      <c r="B221" s="13" t="s">
        <v>419</v>
      </c>
      <c r="C221" s="10" t="s">
        <v>9</v>
      </c>
      <c r="D221" s="13" t="s">
        <v>420</v>
      </c>
      <c r="E221" s="13" t="s">
        <v>40</v>
      </c>
      <c r="F221" s="11">
        <v>47422</v>
      </c>
    </row>
    <row r="222" spans="1:6" ht="27.75" customHeight="1">
      <c r="A222" s="23" t="s">
        <v>448</v>
      </c>
      <c r="B222" s="24" t="s">
        <v>419</v>
      </c>
      <c r="C222" s="10" t="s">
        <v>9</v>
      </c>
      <c r="D222" s="9" t="s">
        <v>420</v>
      </c>
      <c r="E222" s="24" t="s">
        <v>115</v>
      </c>
      <c r="F222" s="11">
        <v>47422</v>
      </c>
    </row>
    <row r="223" spans="1:6" ht="27.75" customHeight="1">
      <c r="A223" s="8" t="s">
        <v>449</v>
      </c>
      <c r="B223" s="9" t="s">
        <v>419</v>
      </c>
      <c r="C223" s="10" t="s">
        <v>9</v>
      </c>
      <c r="D223" s="13" t="s">
        <v>420</v>
      </c>
      <c r="E223" s="25" t="s">
        <v>44</v>
      </c>
      <c r="F223" s="11">
        <v>47208</v>
      </c>
    </row>
    <row r="224" spans="1:6" ht="27.75" customHeight="1">
      <c r="A224" s="23" t="s">
        <v>450</v>
      </c>
      <c r="B224" s="24" t="s">
        <v>451</v>
      </c>
      <c r="C224" s="10" t="s">
        <v>9</v>
      </c>
      <c r="D224" s="9" t="s">
        <v>452</v>
      </c>
      <c r="E224" s="24" t="s">
        <v>115</v>
      </c>
      <c r="F224" s="11">
        <v>46112</v>
      </c>
    </row>
    <row r="225" spans="1:6" ht="27.75" customHeight="1">
      <c r="A225" s="23" t="s">
        <v>453</v>
      </c>
      <c r="B225" s="24" t="s">
        <v>454</v>
      </c>
      <c r="C225" s="10" t="s">
        <v>9</v>
      </c>
      <c r="D225" s="9" t="s">
        <v>455</v>
      </c>
      <c r="E225" s="24" t="s">
        <v>205</v>
      </c>
      <c r="F225" s="11">
        <v>47483</v>
      </c>
    </row>
    <row r="226" spans="1:6" ht="27.75" customHeight="1">
      <c r="A226" s="12" t="s">
        <v>456</v>
      </c>
      <c r="B226" s="13" t="s">
        <v>457</v>
      </c>
      <c r="C226" s="10" t="s">
        <v>9</v>
      </c>
      <c r="D226" s="13" t="s">
        <v>458</v>
      </c>
      <c r="E226" s="13" t="s">
        <v>111</v>
      </c>
      <c r="F226" s="11">
        <v>47452</v>
      </c>
    </row>
    <row r="227" spans="1:6" ht="27.75" customHeight="1">
      <c r="A227" s="12" t="s">
        <v>459</v>
      </c>
      <c r="B227" s="18" t="s">
        <v>457</v>
      </c>
      <c r="C227" s="10" t="s">
        <v>9</v>
      </c>
      <c r="D227" s="18" t="s">
        <v>458</v>
      </c>
      <c r="E227" s="18" t="s">
        <v>111</v>
      </c>
      <c r="F227" s="19">
        <v>46843</v>
      </c>
    </row>
    <row r="228" spans="1:6" ht="27.75" customHeight="1">
      <c r="A228" s="12" t="s">
        <v>460</v>
      </c>
      <c r="B228" s="13" t="s">
        <v>461</v>
      </c>
      <c r="C228" s="10" t="s">
        <v>9</v>
      </c>
      <c r="D228" s="13" t="s">
        <v>462</v>
      </c>
      <c r="E228" s="13" t="s">
        <v>40</v>
      </c>
      <c r="F228" s="11">
        <v>47452</v>
      </c>
    </row>
    <row r="229" spans="1:6" ht="27.75" customHeight="1">
      <c r="A229" s="14" t="s">
        <v>463</v>
      </c>
      <c r="B229" s="9" t="s">
        <v>464</v>
      </c>
      <c r="C229" s="10" t="s">
        <v>9</v>
      </c>
      <c r="D229" s="9" t="s">
        <v>465</v>
      </c>
      <c r="E229" s="9" t="s">
        <v>398</v>
      </c>
      <c r="F229" s="11">
        <v>46356</v>
      </c>
    </row>
    <row r="230" spans="1:6" ht="27.75" customHeight="1">
      <c r="A230" s="12" t="s">
        <v>466</v>
      </c>
      <c r="B230" s="13" t="s">
        <v>467</v>
      </c>
      <c r="C230" s="10" t="s">
        <v>9</v>
      </c>
      <c r="D230" s="13" t="s">
        <v>468</v>
      </c>
      <c r="E230" s="13" t="s">
        <v>21</v>
      </c>
      <c r="F230" s="11">
        <v>47422</v>
      </c>
    </row>
    <row r="231" spans="1:6" ht="27.75" customHeight="1">
      <c r="A231" s="23" t="s">
        <v>469</v>
      </c>
      <c r="B231" s="24" t="s">
        <v>470</v>
      </c>
      <c r="C231" s="10" t="s">
        <v>9</v>
      </c>
      <c r="D231" s="9" t="s">
        <v>471</v>
      </c>
      <c r="E231" s="24" t="s">
        <v>17</v>
      </c>
      <c r="F231" s="11">
        <v>47422</v>
      </c>
    </row>
    <row r="232" spans="1:6" ht="27.75" customHeight="1">
      <c r="A232" s="12" t="s">
        <v>472</v>
      </c>
      <c r="B232" s="13" t="s">
        <v>473</v>
      </c>
      <c r="C232" s="10" t="s">
        <v>9</v>
      </c>
      <c r="D232" s="13" t="s">
        <v>474</v>
      </c>
      <c r="E232" s="13" t="s">
        <v>475</v>
      </c>
      <c r="F232" s="11">
        <v>47026</v>
      </c>
    </row>
    <row r="233" spans="1:6" ht="27.75" customHeight="1">
      <c r="A233" s="14" t="s">
        <v>476</v>
      </c>
      <c r="B233" s="9" t="s">
        <v>477</v>
      </c>
      <c r="C233" s="10" t="s">
        <v>9</v>
      </c>
      <c r="D233" s="9" t="s">
        <v>478</v>
      </c>
      <c r="E233" s="9" t="s">
        <v>17</v>
      </c>
      <c r="F233" s="11">
        <v>47177</v>
      </c>
    </row>
    <row r="234" spans="1:6" ht="27.75" customHeight="1">
      <c r="A234" s="12" t="s">
        <v>479</v>
      </c>
      <c r="B234" s="13" t="s">
        <v>480</v>
      </c>
      <c r="C234" s="10" t="s">
        <v>9</v>
      </c>
      <c r="D234" s="13" t="s">
        <v>481</v>
      </c>
      <c r="E234" s="13" t="s">
        <v>482</v>
      </c>
      <c r="F234" s="11">
        <v>47422</v>
      </c>
    </row>
    <row r="235" spans="1:6" ht="27.75" customHeight="1">
      <c r="A235" s="14" t="s">
        <v>483</v>
      </c>
      <c r="B235" s="9" t="s">
        <v>484</v>
      </c>
      <c r="C235" s="10" t="s">
        <v>9</v>
      </c>
      <c r="D235" s="9" t="s">
        <v>485</v>
      </c>
      <c r="E235" s="9" t="s">
        <v>21</v>
      </c>
      <c r="F235" s="11">
        <v>47542</v>
      </c>
    </row>
    <row r="236" spans="1:6" ht="27.75" customHeight="1">
      <c r="A236" s="14" t="s">
        <v>486</v>
      </c>
      <c r="B236" s="9" t="s">
        <v>484</v>
      </c>
      <c r="C236" s="10" t="s">
        <v>9</v>
      </c>
      <c r="D236" s="9" t="s">
        <v>485</v>
      </c>
      <c r="E236" s="9" t="s">
        <v>142</v>
      </c>
      <c r="F236" s="11">
        <v>47422</v>
      </c>
    </row>
    <row r="237" spans="1:6" ht="27.75" customHeight="1">
      <c r="A237" s="12" t="s">
        <v>487</v>
      </c>
      <c r="B237" s="13" t="s">
        <v>488</v>
      </c>
      <c r="C237" s="10" t="s">
        <v>9</v>
      </c>
      <c r="D237" s="13" t="s">
        <v>489</v>
      </c>
      <c r="E237" s="13" t="s">
        <v>21</v>
      </c>
      <c r="F237" s="11">
        <v>47269</v>
      </c>
    </row>
    <row r="238" spans="1:6" ht="27.75" customHeight="1">
      <c r="A238" s="14" t="s">
        <v>490</v>
      </c>
      <c r="B238" s="9" t="s">
        <v>488</v>
      </c>
      <c r="C238" s="10" t="s">
        <v>9</v>
      </c>
      <c r="D238" s="9" t="s">
        <v>489</v>
      </c>
      <c r="E238" s="9" t="s">
        <v>40</v>
      </c>
      <c r="F238" s="11">
        <v>47087</v>
      </c>
    </row>
    <row r="239" spans="1:6" ht="27.75" customHeight="1">
      <c r="A239" s="12" t="s">
        <v>491</v>
      </c>
      <c r="B239" s="13" t="s">
        <v>488</v>
      </c>
      <c r="C239" s="10" t="s">
        <v>9</v>
      </c>
      <c r="D239" s="13" t="s">
        <v>489</v>
      </c>
      <c r="E239" s="13" t="s">
        <v>492</v>
      </c>
      <c r="F239" s="11">
        <v>47422</v>
      </c>
    </row>
    <row r="240" spans="1:6" ht="27.75" customHeight="1">
      <c r="A240" s="17" t="s">
        <v>493</v>
      </c>
      <c r="B240" s="9" t="s">
        <v>488</v>
      </c>
      <c r="C240" s="10" t="s">
        <v>9</v>
      </c>
      <c r="D240" s="9" t="s">
        <v>489</v>
      </c>
      <c r="E240" s="9" t="s">
        <v>494</v>
      </c>
      <c r="F240" s="11">
        <v>46752</v>
      </c>
    </row>
    <row r="241" spans="1:6" ht="27.75" customHeight="1">
      <c r="A241" s="17" t="s">
        <v>495</v>
      </c>
      <c r="B241" s="9" t="s">
        <v>488</v>
      </c>
      <c r="C241" s="10" t="s">
        <v>9</v>
      </c>
      <c r="D241" s="9" t="s">
        <v>489</v>
      </c>
      <c r="E241" s="9" t="s">
        <v>21</v>
      </c>
      <c r="F241" s="11">
        <v>46234</v>
      </c>
    </row>
    <row r="242" spans="1:6" ht="27.75" customHeight="1">
      <c r="A242" s="12" t="s">
        <v>496</v>
      </c>
      <c r="B242" s="13" t="s">
        <v>488</v>
      </c>
      <c r="C242" s="10" t="s">
        <v>9</v>
      </c>
      <c r="D242" s="13" t="s">
        <v>489</v>
      </c>
      <c r="E242" s="13" t="s">
        <v>497</v>
      </c>
      <c r="F242" s="11">
        <v>46538</v>
      </c>
    </row>
    <row r="243" spans="1:6" ht="27.75" customHeight="1">
      <c r="A243" s="23" t="s">
        <v>498</v>
      </c>
      <c r="B243" s="24" t="s">
        <v>488</v>
      </c>
      <c r="C243" s="10" t="s">
        <v>9</v>
      </c>
      <c r="D243" s="9" t="s">
        <v>489</v>
      </c>
      <c r="E243" s="24" t="s">
        <v>44</v>
      </c>
      <c r="F243" s="11">
        <v>47330</v>
      </c>
    </row>
    <row r="244" spans="1:6" ht="27.75" customHeight="1">
      <c r="A244" s="14" t="s">
        <v>499</v>
      </c>
      <c r="B244" s="9" t="s">
        <v>500</v>
      </c>
      <c r="C244" s="10" t="s">
        <v>9</v>
      </c>
      <c r="D244" s="9" t="s">
        <v>501</v>
      </c>
      <c r="E244" s="9" t="s">
        <v>502</v>
      </c>
      <c r="F244" s="11">
        <v>47422</v>
      </c>
    </row>
    <row r="245" spans="1:6" ht="27.75" customHeight="1">
      <c r="A245" s="12" t="s">
        <v>503</v>
      </c>
      <c r="B245" s="13" t="s">
        <v>504</v>
      </c>
      <c r="C245" s="10" t="s">
        <v>9</v>
      </c>
      <c r="D245" s="13" t="s">
        <v>505</v>
      </c>
      <c r="E245" s="13" t="s">
        <v>17</v>
      </c>
      <c r="F245" s="11">
        <v>47422</v>
      </c>
    </row>
    <row r="246" spans="1:6" ht="27.75" customHeight="1">
      <c r="A246" s="15" t="s">
        <v>506</v>
      </c>
      <c r="B246" s="13" t="s">
        <v>507</v>
      </c>
      <c r="C246" s="10" t="s">
        <v>9</v>
      </c>
      <c r="D246" s="9" t="s">
        <v>508</v>
      </c>
      <c r="E246" s="13" t="s">
        <v>509</v>
      </c>
      <c r="F246" s="11">
        <v>47483</v>
      </c>
    </row>
    <row r="247" spans="1:6" ht="27.75" customHeight="1">
      <c r="A247" s="17" t="s">
        <v>510</v>
      </c>
      <c r="B247" s="9" t="s">
        <v>511</v>
      </c>
      <c r="C247" s="10" t="s">
        <v>9</v>
      </c>
      <c r="D247" s="9" t="s">
        <v>512</v>
      </c>
      <c r="E247" s="9" t="s">
        <v>513</v>
      </c>
      <c r="F247" s="11">
        <v>47422</v>
      </c>
    </row>
    <row r="248" spans="1:6" ht="27.75" customHeight="1">
      <c r="A248" s="12" t="s">
        <v>514</v>
      </c>
      <c r="B248" s="13" t="s">
        <v>515</v>
      </c>
      <c r="C248" s="10" t="s">
        <v>9</v>
      </c>
      <c r="D248" s="13" t="s">
        <v>516</v>
      </c>
      <c r="E248" s="13" t="s">
        <v>517</v>
      </c>
      <c r="F248" s="11">
        <v>47149</v>
      </c>
    </row>
    <row r="249" spans="1:6" ht="27.75" customHeight="1">
      <c r="A249" s="12" t="s">
        <v>518</v>
      </c>
      <c r="B249" s="13" t="s">
        <v>519</v>
      </c>
      <c r="C249" s="10" t="s">
        <v>9</v>
      </c>
      <c r="D249" s="13" t="s">
        <v>520</v>
      </c>
      <c r="E249" s="13" t="s">
        <v>21</v>
      </c>
      <c r="F249" s="11">
        <v>47483</v>
      </c>
    </row>
    <row r="250" spans="1:6" ht="27.75" customHeight="1">
      <c r="A250" s="23" t="s">
        <v>521</v>
      </c>
      <c r="B250" s="24" t="s">
        <v>522</v>
      </c>
      <c r="C250" s="10" t="s">
        <v>9</v>
      </c>
      <c r="D250" s="9" t="s">
        <v>523</v>
      </c>
      <c r="E250" s="24" t="s">
        <v>524</v>
      </c>
      <c r="F250" s="11">
        <v>47299</v>
      </c>
    </row>
    <row r="251" spans="1:6" ht="27.75" customHeight="1">
      <c r="A251" s="23" t="s">
        <v>525</v>
      </c>
      <c r="B251" s="24" t="s">
        <v>526</v>
      </c>
      <c r="C251" s="10" t="s">
        <v>9</v>
      </c>
      <c r="D251" s="9" t="s">
        <v>527</v>
      </c>
      <c r="E251" s="24" t="s">
        <v>196</v>
      </c>
      <c r="F251" s="11">
        <v>47514</v>
      </c>
    </row>
    <row r="252" spans="1:6" ht="27.75" customHeight="1">
      <c r="A252" s="14" t="s">
        <v>528</v>
      </c>
      <c r="B252" s="9" t="s">
        <v>529</v>
      </c>
      <c r="C252" s="10" t="s">
        <v>9</v>
      </c>
      <c r="D252" s="9" t="s">
        <v>530</v>
      </c>
      <c r="E252" s="9" t="s">
        <v>270</v>
      </c>
      <c r="F252" s="11">
        <v>46538</v>
      </c>
    </row>
    <row r="253" spans="1:6" ht="27.75" customHeight="1">
      <c r="A253" s="12" t="s">
        <v>531</v>
      </c>
      <c r="B253" s="13" t="s">
        <v>529</v>
      </c>
      <c r="C253" s="10" t="s">
        <v>9</v>
      </c>
      <c r="D253" s="13" t="s">
        <v>530</v>
      </c>
      <c r="E253" s="13" t="s">
        <v>40</v>
      </c>
      <c r="F253" s="11">
        <v>47514</v>
      </c>
    </row>
    <row r="254" spans="1:6" ht="27.75" customHeight="1">
      <c r="A254" s="12" t="s">
        <v>532</v>
      </c>
      <c r="B254" s="18" t="s">
        <v>533</v>
      </c>
      <c r="C254" s="10" t="s">
        <v>9</v>
      </c>
      <c r="D254" s="18" t="s">
        <v>534</v>
      </c>
      <c r="E254" s="18" t="s">
        <v>86</v>
      </c>
      <c r="F254" s="19">
        <v>47361</v>
      </c>
    </row>
    <row r="255" spans="1:6" ht="27.75" customHeight="1">
      <c r="A255" s="12" t="s">
        <v>535</v>
      </c>
      <c r="B255" s="13" t="s">
        <v>536</v>
      </c>
      <c r="C255" s="10" t="s">
        <v>9</v>
      </c>
      <c r="D255" s="13" t="s">
        <v>537</v>
      </c>
      <c r="E255" s="13" t="s">
        <v>40</v>
      </c>
      <c r="F255" s="11">
        <v>47787</v>
      </c>
    </row>
    <row r="256" spans="1:6" ht="27.75" customHeight="1">
      <c r="A256" s="12" t="s">
        <v>538</v>
      </c>
      <c r="B256" s="13" t="s">
        <v>539</v>
      </c>
      <c r="C256" s="10" t="s">
        <v>9</v>
      </c>
      <c r="D256" s="13" t="s">
        <v>540</v>
      </c>
      <c r="E256" s="13" t="s">
        <v>40</v>
      </c>
      <c r="F256" s="11">
        <v>47361</v>
      </c>
    </row>
    <row r="257" spans="1:6" ht="27.75" customHeight="1">
      <c r="A257" s="20" t="s">
        <v>541</v>
      </c>
      <c r="B257" s="13" t="s">
        <v>542</v>
      </c>
      <c r="C257" s="10" t="s">
        <v>9</v>
      </c>
      <c r="D257" s="13" t="s">
        <v>543</v>
      </c>
      <c r="E257" s="13" t="s">
        <v>21</v>
      </c>
      <c r="F257" s="11">
        <v>46873</v>
      </c>
    </row>
    <row r="258" spans="1:6" ht="27.75" customHeight="1">
      <c r="A258" s="12" t="s">
        <v>544</v>
      </c>
      <c r="B258" s="13" t="s">
        <v>545</v>
      </c>
      <c r="C258" s="10" t="s">
        <v>9</v>
      </c>
      <c r="D258" s="13" t="s">
        <v>546</v>
      </c>
      <c r="E258" s="13" t="s">
        <v>63</v>
      </c>
      <c r="F258" s="11">
        <v>47452</v>
      </c>
    </row>
    <row r="259" spans="1:6" ht="27.75" customHeight="1">
      <c r="A259" s="12" t="s">
        <v>547</v>
      </c>
      <c r="B259" s="13" t="s">
        <v>548</v>
      </c>
      <c r="C259" s="10" t="s">
        <v>9</v>
      </c>
      <c r="D259" s="13" t="s">
        <v>549</v>
      </c>
      <c r="E259" s="13" t="s">
        <v>11</v>
      </c>
      <c r="F259" s="11">
        <v>47422</v>
      </c>
    </row>
    <row r="260" spans="1:6" ht="27.75" customHeight="1">
      <c r="A260" s="15" t="s">
        <v>550</v>
      </c>
      <c r="B260" s="24" t="s">
        <v>548</v>
      </c>
      <c r="C260" s="10" t="s">
        <v>9</v>
      </c>
      <c r="D260" s="9" t="s">
        <v>549</v>
      </c>
      <c r="E260" s="13" t="s">
        <v>40</v>
      </c>
      <c r="F260" s="11">
        <v>47422</v>
      </c>
    </row>
    <row r="261" spans="1:6" ht="27.75" customHeight="1">
      <c r="A261" s="14" t="s">
        <v>551</v>
      </c>
      <c r="B261" s="9" t="s">
        <v>548</v>
      </c>
      <c r="C261" s="10" t="s">
        <v>9</v>
      </c>
      <c r="D261" s="9" t="s">
        <v>549</v>
      </c>
      <c r="E261" s="9" t="s">
        <v>393</v>
      </c>
      <c r="F261" s="11">
        <v>46203</v>
      </c>
    </row>
    <row r="262" spans="1:6" ht="27.75" customHeight="1">
      <c r="A262" s="8" t="s">
        <v>552</v>
      </c>
      <c r="B262" s="13" t="s">
        <v>548</v>
      </c>
      <c r="C262" s="10" t="s">
        <v>9</v>
      </c>
      <c r="D262" s="13" t="s">
        <v>549</v>
      </c>
      <c r="E262" s="13" t="s">
        <v>115</v>
      </c>
      <c r="F262" s="11">
        <v>46965</v>
      </c>
    </row>
    <row r="263" spans="1:6" ht="27.75" customHeight="1">
      <c r="A263" s="14" t="s">
        <v>553</v>
      </c>
      <c r="B263" s="9" t="s">
        <v>548</v>
      </c>
      <c r="C263" s="10" t="s">
        <v>9</v>
      </c>
      <c r="D263" s="9" t="s">
        <v>549</v>
      </c>
      <c r="E263" s="9" t="s">
        <v>40</v>
      </c>
      <c r="F263" s="11">
        <v>47422</v>
      </c>
    </row>
    <row r="264" spans="1:6" ht="27.75" customHeight="1">
      <c r="A264" s="14" t="s">
        <v>554</v>
      </c>
      <c r="B264" s="9" t="s">
        <v>548</v>
      </c>
      <c r="C264" s="10" t="s">
        <v>9</v>
      </c>
      <c r="D264" s="9" t="s">
        <v>549</v>
      </c>
      <c r="E264" s="9" t="s">
        <v>393</v>
      </c>
      <c r="F264" s="11">
        <v>47422</v>
      </c>
    </row>
    <row r="265" spans="1:6" ht="27.75" customHeight="1">
      <c r="A265" s="12" t="s">
        <v>555</v>
      </c>
      <c r="B265" s="13" t="s">
        <v>548</v>
      </c>
      <c r="C265" s="10" t="s">
        <v>9</v>
      </c>
      <c r="D265" s="13" t="s">
        <v>549</v>
      </c>
      <c r="E265" s="13" t="s">
        <v>63</v>
      </c>
      <c r="F265" s="11">
        <v>47422</v>
      </c>
    </row>
    <row r="266" spans="1:6" ht="27.75" customHeight="1">
      <c r="A266" s="12" t="s">
        <v>556</v>
      </c>
      <c r="B266" s="13" t="s">
        <v>548</v>
      </c>
      <c r="C266" s="10" t="s">
        <v>9</v>
      </c>
      <c r="D266" s="13" t="s">
        <v>549</v>
      </c>
      <c r="E266" s="13" t="s">
        <v>44</v>
      </c>
      <c r="F266" s="11">
        <v>46538</v>
      </c>
    </row>
    <row r="267" spans="1:6" ht="27.75" customHeight="1">
      <c r="A267" s="14" t="s">
        <v>557</v>
      </c>
      <c r="B267" s="9" t="s">
        <v>548</v>
      </c>
      <c r="C267" s="10" t="s">
        <v>9</v>
      </c>
      <c r="D267" s="9" t="s">
        <v>549</v>
      </c>
      <c r="E267" s="9" t="s">
        <v>228</v>
      </c>
      <c r="F267" s="11">
        <v>47573</v>
      </c>
    </row>
    <row r="268" spans="1:6" ht="27.75" customHeight="1">
      <c r="A268" s="17" t="s">
        <v>558</v>
      </c>
      <c r="B268" s="9" t="s">
        <v>548</v>
      </c>
      <c r="C268" s="10" t="s">
        <v>9</v>
      </c>
      <c r="D268" s="9" t="s">
        <v>549</v>
      </c>
      <c r="E268" s="9" t="s">
        <v>270</v>
      </c>
      <c r="F268" s="11">
        <v>46934</v>
      </c>
    </row>
    <row r="269" spans="1:6" ht="27.75" customHeight="1">
      <c r="A269" s="17" t="s">
        <v>559</v>
      </c>
      <c r="B269" s="9" t="s">
        <v>548</v>
      </c>
      <c r="C269" s="10" t="s">
        <v>9</v>
      </c>
      <c r="D269" s="9" t="s">
        <v>549</v>
      </c>
      <c r="E269" s="9" t="s">
        <v>132</v>
      </c>
      <c r="F269" s="11">
        <v>46477</v>
      </c>
    </row>
    <row r="270" spans="1:6" ht="27.75" customHeight="1">
      <c r="A270" s="20" t="s">
        <v>560</v>
      </c>
      <c r="B270" s="13" t="s">
        <v>548</v>
      </c>
      <c r="C270" s="10" t="s">
        <v>9</v>
      </c>
      <c r="D270" s="9" t="s">
        <v>549</v>
      </c>
      <c r="E270" s="13" t="s">
        <v>63</v>
      </c>
      <c r="F270" s="11">
        <v>46843</v>
      </c>
    </row>
    <row r="271" spans="1:6" ht="27.75" customHeight="1">
      <c r="A271" s="20" t="s">
        <v>561</v>
      </c>
      <c r="B271" s="13" t="s">
        <v>548</v>
      </c>
      <c r="C271" s="10" t="s">
        <v>9</v>
      </c>
      <c r="D271" s="9" t="s">
        <v>549</v>
      </c>
      <c r="E271" s="13" t="s">
        <v>11</v>
      </c>
      <c r="F271" s="11">
        <v>47422</v>
      </c>
    </row>
    <row r="272" spans="1:6" ht="27.75" customHeight="1">
      <c r="A272" s="12" t="s">
        <v>562</v>
      </c>
      <c r="B272" s="13" t="s">
        <v>548</v>
      </c>
      <c r="C272" s="10" t="s">
        <v>9</v>
      </c>
      <c r="D272" s="13" t="s">
        <v>549</v>
      </c>
      <c r="E272" s="13" t="s">
        <v>44</v>
      </c>
      <c r="F272" s="11">
        <v>47422</v>
      </c>
    </row>
    <row r="273" spans="1:6" ht="27.75" customHeight="1">
      <c r="A273" s="23" t="s">
        <v>563</v>
      </c>
      <c r="B273" s="24" t="s">
        <v>548</v>
      </c>
      <c r="C273" s="10" t="s">
        <v>9</v>
      </c>
      <c r="D273" s="9" t="s">
        <v>549</v>
      </c>
      <c r="E273" s="24" t="s">
        <v>228</v>
      </c>
      <c r="F273" s="11">
        <v>47238</v>
      </c>
    </row>
    <row r="274" spans="1:6" ht="27.75" customHeight="1">
      <c r="A274" s="23" t="s">
        <v>564</v>
      </c>
      <c r="B274" s="24" t="s">
        <v>548</v>
      </c>
      <c r="C274" s="10" t="s">
        <v>9</v>
      </c>
      <c r="D274" s="9" t="s">
        <v>549</v>
      </c>
      <c r="E274" s="24" t="s">
        <v>234</v>
      </c>
      <c r="F274" s="11">
        <v>47422</v>
      </c>
    </row>
    <row r="275" spans="1:6" ht="27.75" customHeight="1">
      <c r="A275" s="17" t="s">
        <v>565</v>
      </c>
      <c r="B275" s="9" t="s">
        <v>548</v>
      </c>
      <c r="C275" s="10" t="s">
        <v>9</v>
      </c>
      <c r="D275" s="9" t="s">
        <v>549</v>
      </c>
      <c r="E275" s="9" t="s">
        <v>44</v>
      </c>
      <c r="F275" s="11">
        <v>47422</v>
      </c>
    </row>
    <row r="276" spans="1:6" ht="27.75" customHeight="1">
      <c r="A276" s="17" t="s">
        <v>566</v>
      </c>
      <c r="B276" s="9" t="s">
        <v>548</v>
      </c>
      <c r="C276" s="10" t="s">
        <v>9</v>
      </c>
      <c r="D276" s="13" t="s">
        <v>549</v>
      </c>
      <c r="E276" s="26" t="s">
        <v>111</v>
      </c>
      <c r="F276" s="11">
        <v>46721</v>
      </c>
    </row>
    <row r="277" spans="1:6" ht="27.75" customHeight="1">
      <c r="A277" s="12" t="s">
        <v>567</v>
      </c>
      <c r="B277" s="13" t="s">
        <v>548</v>
      </c>
      <c r="C277" s="10" t="s">
        <v>9</v>
      </c>
      <c r="D277" s="13" t="s">
        <v>549</v>
      </c>
      <c r="E277" s="13" t="s">
        <v>568</v>
      </c>
      <c r="F277" s="11">
        <v>47208</v>
      </c>
    </row>
    <row r="278" spans="1:6" ht="27.75" customHeight="1">
      <c r="A278" s="8" t="s">
        <v>569</v>
      </c>
      <c r="B278" s="18" t="s">
        <v>548</v>
      </c>
      <c r="C278" s="10" t="s">
        <v>9</v>
      </c>
      <c r="D278" s="18" t="s">
        <v>549</v>
      </c>
      <c r="E278" s="18" t="s">
        <v>11</v>
      </c>
      <c r="F278" s="19">
        <v>47664</v>
      </c>
    </row>
    <row r="279" spans="1:6" ht="27.75" customHeight="1">
      <c r="A279" s="12" t="s">
        <v>570</v>
      </c>
      <c r="B279" s="13" t="s">
        <v>548</v>
      </c>
      <c r="C279" s="10" t="s">
        <v>9</v>
      </c>
      <c r="D279" s="13" t="s">
        <v>549</v>
      </c>
      <c r="E279" s="13" t="s">
        <v>321</v>
      </c>
      <c r="F279" s="11">
        <v>47573</v>
      </c>
    </row>
    <row r="280" spans="1:6" ht="27.75" customHeight="1">
      <c r="A280" s="14" t="s">
        <v>571</v>
      </c>
      <c r="B280" s="9" t="s">
        <v>548</v>
      </c>
      <c r="C280" s="10" t="s">
        <v>9</v>
      </c>
      <c r="D280" s="9" t="s">
        <v>549</v>
      </c>
      <c r="E280" s="9" t="s">
        <v>196</v>
      </c>
      <c r="F280" s="11">
        <v>47422</v>
      </c>
    </row>
    <row r="281" spans="1:6" ht="27.75" customHeight="1">
      <c r="A281" s="20" t="s">
        <v>572</v>
      </c>
      <c r="B281" s="13" t="s">
        <v>548</v>
      </c>
      <c r="C281" s="10" t="s">
        <v>9</v>
      </c>
      <c r="D281" s="13" t="s">
        <v>549</v>
      </c>
      <c r="E281" s="13" t="s">
        <v>115</v>
      </c>
      <c r="F281" s="11">
        <v>46387</v>
      </c>
    </row>
    <row r="282" spans="1:6" ht="27.75" customHeight="1">
      <c r="A282" s="14" t="s">
        <v>573</v>
      </c>
      <c r="B282" s="9" t="s">
        <v>548</v>
      </c>
      <c r="C282" s="10" t="s">
        <v>9</v>
      </c>
      <c r="D282" s="9" t="s">
        <v>549</v>
      </c>
      <c r="E282" s="9" t="s">
        <v>232</v>
      </c>
      <c r="F282" s="11">
        <v>46418</v>
      </c>
    </row>
    <row r="283" spans="1:6" ht="27.75" customHeight="1">
      <c r="A283" s="14" t="s">
        <v>574</v>
      </c>
      <c r="B283" s="13" t="s">
        <v>548</v>
      </c>
      <c r="C283" s="10" t="s">
        <v>9</v>
      </c>
      <c r="D283" s="13" t="s">
        <v>549</v>
      </c>
      <c r="E283" s="9" t="s">
        <v>17</v>
      </c>
      <c r="F283" s="11">
        <v>47422</v>
      </c>
    </row>
    <row r="284" spans="1:6" ht="27.75" customHeight="1">
      <c r="A284" s="14" t="s">
        <v>575</v>
      </c>
      <c r="B284" s="13" t="s">
        <v>548</v>
      </c>
      <c r="C284" s="10" t="s">
        <v>9</v>
      </c>
      <c r="D284" s="13" t="s">
        <v>549</v>
      </c>
      <c r="E284" s="13" t="s">
        <v>111</v>
      </c>
      <c r="F284" s="11">
        <v>46477</v>
      </c>
    </row>
    <row r="285" spans="1:6" ht="27.75" customHeight="1">
      <c r="A285" s="8" t="s">
        <v>576</v>
      </c>
      <c r="B285" s="9" t="s">
        <v>548</v>
      </c>
      <c r="C285" s="10" t="s">
        <v>9</v>
      </c>
      <c r="D285" s="9" t="s">
        <v>549</v>
      </c>
      <c r="E285" s="9" t="s">
        <v>253</v>
      </c>
      <c r="F285" s="11">
        <v>47118</v>
      </c>
    </row>
    <row r="286" spans="1:6" ht="27.75" customHeight="1">
      <c r="A286" s="8" t="s">
        <v>577</v>
      </c>
      <c r="B286" s="13" t="s">
        <v>548</v>
      </c>
      <c r="C286" s="10" t="s">
        <v>9</v>
      </c>
      <c r="D286" s="13" t="s">
        <v>549</v>
      </c>
      <c r="E286" s="13" t="s">
        <v>21</v>
      </c>
      <c r="F286" s="11">
        <v>47422</v>
      </c>
    </row>
    <row r="287" spans="1:6" ht="27.75" customHeight="1">
      <c r="A287" s="14" t="s">
        <v>578</v>
      </c>
      <c r="B287" s="9" t="s">
        <v>548</v>
      </c>
      <c r="C287" s="10" t="s">
        <v>9</v>
      </c>
      <c r="D287" s="9" t="s">
        <v>549</v>
      </c>
      <c r="E287" s="9" t="s">
        <v>115</v>
      </c>
      <c r="F287" s="11">
        <v>47422</v>
      </c>
    </row>
    <row r="288" spans="1:6" ht="27.75" customHeight="1">
      <c r="A288" s="14" t="s">
        <v>579</v>
      </c>
      <c r="B288" s="9" t="s">
        <v>548</v>
      </c>
      <c r="C288" s="10" t="s">
        <v>9</v>
      </c>
      <c r="D288" s="9" t="s">
        <v>549</v>
      </c>
      <c r="E288" s="9" t="s">
        <v>196</v>
      </c>
      <c r="F288" s="11">
        <v>47695</v>
      </c>
    </row>
    <row r="289" spans="1:6" ht="27.75" customHeight="1">
      <c r="A289" s="17" t="s">
        <v>580</v>
      </c>
      <c r="B289" s="9" t="s">
        <v>548</v>
      </c>
      <c r="C289" s="10" t="s">
        <v>9</v>
      </c>
      <c r="D289" s="13" t="s">
        <v>549</v>
      </c>
      <c r="E289" s="9" t="s">
        <v>111</v>
      </c>
      <c r="F289" s="11">
        <v>47848</v>
      </c>
    </row>
    <row r="290" spans="1:6" ht="27.75" customHeight="1">
      <c r="A290" s="14" t="s">
        <v>581</v>
      </c>
      <c r="B290" s="9" t="s">
        <v>548</v>
      </c>
      <c r="C290" s="10" t="s">
        <v>9</v>
      </c>
      <c r="D290" s="9" t="s">
        <v>549</v>
      </c>
      <c r="E290" s="9" t="s">
        <v>11</v>
      </c>
      <c r="F290" s="11">
        <v>47452</v>
      </c>
    </row>
    <row r="291" spans="1:6" ht="27.75" customHeight="1">
      <c r="A291" s="14" t="s">
        <v>582</v>
      </c>
      <c r="B291" s="9" t="s">
        <v>548</v>
      </c>
      <c r="C291" s="10" t="s">
        <v>9</v>
      </c>
      <c r="D291" s="9" t="s">
        <v>549</v>
      </c>
      <c r="E291" s="9" t="s">
        <v>44</v>
      </c>
      <c r="F291" s="11">
        <v>47422</v>
      </c>
    </row>
    <row r="292" spans="1:6" ht="27.75" customHeight="1">
      <c r="A292" s="17" t="s">
        <v>583</v>
      </c>
      <c r="B292" s="9" t="s">
        <v>548</v>
      </c>
      <c r="C292" s="10" t="s">
        <v>9</v>
      </c>
      <c r="D292" s="9" t="s">
        <v>549</v>
      </c>
      <c r="E292" s="9" t="s">
        <v>40</v>
      </c>
      <c r="F292" s="11">
        <v>46934</v>
      </c>
    </row>
    <row r="293" spans="1:6" ht="27.75" customHeight="1">
      <c r="A293" s="8" t="s">
        <v>584</v>
      </c>
      <c r="B293" s="9" t="s">
        <v>548</v>
      </c>
      <c r="C293" s="10" t="s">
        <v>9</v>
      </c>
      <c r="D293" s="13" t="s">
        <v>549</v>
      </c>
      <c r="E293" s="13" t="s">
        <v>44</v>
      </c>
      <c r="F293" s="11">
        <v>47422</v>
      </c>
    </row>
    <row r="294" spans="1:6" ht="27.75" customHeight="1">
      <c r="A294" s="14" t="s">
        <v>585</v>
      </c>
      <c r="B294" s="9" t="s">
        <v>548</v>
      </c>
      <c r="C294" s="10" t="s">
        <v>9</v>
      </c>
      <c r="D294" s="9" t="s">
        <v>549</v>
      </c>
      <c r="E294" s="9" t="s">
        <v>40</v>
      </c>
      <c r="F294" s="11">
        <v>46843</v>
      </c>
    </row>
    <row r="295" spans="1:6" ht="27.75" customHeight="1">
      <c r="A295" s="20" t="s">
        <v>586</v>
      </c>
      <c r="B295" s="13" t="s">
        <v>548</v>
      </c>
      <c r="C295" s="10" t="s">
        <v>9</v>
      </c>
      <c r="D295" s="13" t="s">
        <v>549</v>
      </c>
      <c r="E295" s="13" t="s">
        <v>253</v>
      </c>
      <c r="F295" s="11">
        <v>47422</v>
      </c>
    </row>
    <row r="296" spans="1:6" ht="27.75" customHeight="1">
      <c r="A296" s="14" t="s">
        <v>587</v>
      </c>
      <c r="B296" s="9" t="s">
        <v>548</v>
      </c>
      <c r="C296" s="10" t="s">
        <v>9</v>
      </c>
      <c r="D296" s="9" t="s">
        <v>549</v>
      </c>
      <c r="E296" s="9" t="s">
        <v>284</v>
      </c>
      <c r="F296" s="11">
        <v>47269</v>
      </c>
    </row>
    <row r="297" spans="1:6" ht="27.75" customHeight="1">
      <c r="A297" s="12" t="s">
        <v>588</v>
      </c>
      <c r="B297" s="13" t="s">
        <v>548</v>
      </c>
      <c r="C297" s="10" t="s">
        <v>9</v>
      </c>
      <c r="D297" s="13" t="s">
        <v>549</v>
      </c>
      <c r="E297" s="13" t="s">
        <v>196</v>
      </c>
      <c r="F297" s="11">
        <v>47422</v>
      </c>
    </row>
    <row r="298" spans="1:6" ht="27.75" customHeight="1">
      <c r="A298" s="12" t="s">
        <v>589</v>
      </c>
      <c r="B298" s="18" t="s">
        <v>548</v>
      </c>
      <c r="C298" s="10" t="s">
        <v>9</v>
      </c>
      <c r="D298" s="18" t="s">
        <v>549</v>
      </c>
      <c r="E298" s="18" t="s">
        <v>196</v>
      </c>
      <c r="F298" s="19">
        <v>47573</v>
      </c>
    </row>
    <row r="299" spans="1:6" ht="27.75" customHeight="1">
      <c r="A299" s="8" t="s">
        <v>590</v>
      </c>
      <c r="B299" s="9" t="s">
        <v>548</v>
      </c>
      <c r="C299" s="10" t="s">
        <v>9</v>
      </c>
      <c r="D299" s="9" t="s">
        <v>549</v>
      </c>
      <c r="E299" s="9" t="s">
        <v>393</v>
      </c>
      <c r="F299" s="11">
        <v>47422</v>
      </c>
    </row>
    <row r="300" spans="1:6" ht="27.75" customHeight="1">
      <c r="A300" s="12" t="s">
        <v>591</v>
      </c>
      <c r="B300" s="13" t="s">
        <v>548</v>
      </c>
      <c r="C300" s="10" t="s">
        <v>9</v>
      </c>
      <c r="D300" s="13" t="s">
        <v>549</v>
      </c>
      <c r="E300" s="13" t="s">
        <v>253</v>
      </c>
      <c r="F300" s="11">
        <v>47087</v>
      </c>
    </row>
    <row r="301" spans="1:6" ht="27.75" customHeight="1">
      <c r="A301" s="17" t="s">
        <v>592</v>
      </c>
      <c r="B301" s="9" t="s">
        <v>548</v>
      </c>
      <c r="C301" s="10" t="s">
        <v>9</v>
      </c>
      <c r="D301" s="9" t="s">
        <v>549</v>
      </c>
      <c r="E301" s="9" t="s">
        <v>40</v>
      </c>
      <c r="F301" s="11">
        <v>47573</v>
      </c>
    </row>
    <row r="302" spans="1:6" ht="27.75" customHeight="1">
      <c r="A302" s="15" t="s">
        <v>593</v>
      </c>
      <c r="B302" s="13" t="s">
        <v>548</v>
      </c>
      <c r="C302" s="10" t="s">
        <v>9</v>
      </c>
      <c r="D302" s="9" t="s">
        <v>549</v>
      </c>
      <c r="E302" s="13" t="s">
        <v>63</v>
      </c>
      <c r="F302" s="11">
        <v>47238</v>
      </c>
    </row>
    <row r="303" spans="1:6" ht="27.75" customHeight="1">
      <c r="A303" s="12" t="s">
        <v>594</v>
      </c>
      <c r="B303" s="13" t="s">
        <v>548</v>
      </c>
      <c r="C303" s="10" t="s">
        <v>9</v>
      </c>
      <c r="D303" s="13" t="s">
        <v>549</v>
      </c>
      <c r="E303" s="13" t="s">
        <v>115</v>
      </c>
      <c r="F303" s="11">
        <v>47208</v>
      </c>
    </row>
    <row r="304" spans="1:6" ht="27.75" customHeight="1">
      <c r="A304" s="17" t="s">
        <v>595</v>
      </c>
      <c r="B304" s="9" t="s">
        <v>548</v>
      </c>
      <c r="C304" s="10" t="s">
        <v>9</v>
      </c>
      <c r="D304" s="9" t="s">
        <v>549</v>
      </c>
      <c r="E304" s="9" t="s">
        <v>40</v>
      </c>
      <c r="F304" s="11">
        <v>47330</v>
      </c>
    </row>
    <row r="305" spans="1:6" ht="27.75" customHeight="1">
      <c r="A305" s="23" t="s">
        <v>596</v>
      </c>
      <c r="B305" s="24" t="s">
        <v>548</v>
      </c>
      <c r="C305" s="10" t="s">
        <v>9</v>
      </c>
      <c r="D305" s="9" t="s">
        <v>549</v>
      </c>
      <c r="E305" s="24" t="s">
        <v>424</v>
      </c>
      <c r="F305" s="11">
        <v>47422</v>
      </c>
    </row>
    <row r="306" spans="1:6" ht="27.75" customHeight="1">
      <c r="A306" s="23" t="s">
        <v>597</v>
      </c>
      <c r="B306" s="24" t="s">
        <v>548</v>
      </c>
      <c r="C306" s="10" t="s">
        <v>9</v>
      </c>
      <c r="D306" s="9" t="s">
        <v>549</v>
      </c>
      <c r="E306" s="24" t="s">
        <v>598</v>
      </c>
      <c r="F306" s="11">
        <v>47573</v>
      </c>
    </row>
    <row r="307" spans="1:6" ht="27.75" customHeight="1">
      <c r="A307" s="17" t="s">
        <v>599</v>
      </c>
      <c r="B307" s="26" t="s">
        <v>548</v>
      </c>
      <c r="C307" s="10" t="s">
        <v>9</v>
      </c>
      <c r="D307" s="9" t="s">
        <v>549</v>
      </c>
      <c r="E307" s="26" t="s">
        <v>600</v>
      </c>
      <c r="F307" s="11">
        <v>47573</v>
      </c>
    </row>
    <row r="308" spans="1:6" ht="27.75" customHeight="1">
      <c r="A308" s="17" t="s">
        <v>601</v>
      </c>
      <c r="B308" s="26" t="s">
        <v>548</v>
      </c>
      <c r="C308" s="10" t="s">
        <v>9</v>
      </c>
      <c r="D308" s="9" t="s">
        <v>549</v>
      </c>
      <c r="E308" s="26" t="s">
        <v>228</v>
      </c>
      <c r="F308" s="11">
        <v>46387</v>
      </c>
    </row>
    <row r="309" spans="1:6" ht="27.75" customHeight="1">
      <c r="A309" s="12" t="s">
        <v>602</v>
      </c>
      <c r="B309" s="13" t="s">
        <v>548</v>
      </c>
      <c r="C309" s="10" t="s">
        <v>9</v>
      </c>
      <c r="D309" s="13" t="s">
        <v>549</v>
      </c>
      <c r="E309" s="13" t="s">
        <v>111</v>
      </c>
      <c r="F309" s="11">
        <v>47634</v>
      </c>
    </row>
    <row r="310" spans="1:6" ht="27.75" customHeight="1">
      <c r="A310" s="12" t="s">
        <v>603</v>
      </c>
      <c r="B310" s="13" t="s">
        <v>548</v>
      </c>
      <c r="C310" s="10" t="s">
        <v>9</v>
      </c>
      <c r="D310" s="13" t="s">
        <v>549</v>
      </c>
      <c r="E310" s="13" t="s">
        <v>44</v>
      </c>
      <c r="F310" s="11">
        <v>47422</v>
      </c>
    </row>
    <row r="311" spans="1:6" ht="27.75" customHeight="1">
      <c r="A311" s="23" t="s">
        <v>604</v>
      </c>
      <c r="B311" s="24" t="s">
        <v>548</v>
      </c>
      <c r="C311" s="10" t="s">
        <v>9</v>
      </c>
      <c r="D311" s="9" t="s">
        <v>549</v>
      </c>
      <c r="E311" s="24" t="s">
        <v>605</v>
      </c>
      <c r="F311" s="11">
        <v>46446</v>
      </c>
    </row>
    <row r="312" spans="1:6" ht="27.75" customHeight="1">
      <c r="A312" s="14" t="s">
        <v>606</v>
      </c>
      <c r="B312" s="9" t="s">
        <v>548</v>
      </c>
      <c r="C312" s="10" t="s">
        <v>9</v>
      </c>
      <c r="D312" s="9" t="s">
        <v>549</v>
      </c>
      <c r="E312" s="9" t="s">
        <v>424</v>
      </c>
      <c r="F312" s="11">
        <v>46691</v>
      </c>
    </row>
    <row r="313" spans="1:6" ht="27.75" customHeight="1">
      <c r="A313" s="12" t="s">
        <v>607</v>
      </c>
      <c r="B313" s="13" t="s">
        <v>608</v>
      </c>
      <c r="C313" s="10" t="s">
        <v>9</v>
      </c>
      <c r="D313" s="13" t="s">
        <v>609</v>
      </c>
      <c r="E313" s="13" t="s">
        <v>610</v>
      </c>
      <c r="F313" s="11">
        <v>47573</v>
      </c>
    </row>
    <row r="314" spans="1:6" ht="27.75" customHeight="1">
      <c r="A314" s="8" t="s">
        <v>611</v>
      </c>
      <c r="B314" s="9" t="s">
        <v>608</v>
      </c>
      <c r="C314" s="10" t="s">
        <v>9</v>
      </c>
      <c r="D314" s="9" t="s">
        <v>612</v>
      </c>
      <c r="E314" s="9" t="s">
        <v>613</v>
      </c>
      <c r="F314" s="11">
        <v>47483</v>
      </c>
    </row>
    <row r="315" spans="1:6" ht="27.75" customHeight="1">
      <c r="A315" s="12" t="s">
        <v>614</v>
      </c>
      <c r="B315" s="13" t="s">
        <v>615</v>
      </c>
      <c r="C315" s="10" t="s">
        <v>9</v>
      </c>
      <c r="D315" s="13" t="s">
        <v>616</v>
      </c>
      <c r="E315" s="13" t="s">
        <v>21</v>
      </c>
      <c r="F315" s="11">
        <v>46326</v>
      </c>
    </row>
    <row r="316" spans="1:6" ht="27.75" customHeight="1">
      <c r="A316" s="17" t="s">
        <v>617</v>
      </c>
      <c r="B316" s="9" t="s">
        <v>618</v>
      </c>
      <c r="C316" s="10" t="s">
        <v>9</v>
      </c>
      <c r="D316" s="9" t="s">
        <v>619</v>
      </c>
      <c r="E316" s="9" t="s">
        <v>40</v>
      </c>
      <c r="F316" s="11">
        <v>47452</v>
      </c>
    </row>
    <row r="317" spans="1:6" ht="27.75" customHeight="1">
      <c r="A317" s="14" t="s">
        <v>620</v>
      </c>
      <c r="B317" s="9" t="s">
        <v>621</v>
      </c>
      <c r="C317" s="10" t="s">
        <v>9</v>
      </c>
      <c r="D317" s="9" t="s">
        <v>622</v>
      </c>
      <c r="E317" s="46" t="s">
        <v>623</v>
      </c>
      <c r="F317" s="11">
        <v>47452</v>
      </c>
    </row>
    <row r="318" spans="1:6" ht="27.75" customHeight="1">
      <c r="A318" s="14" t="s">
        <v>624</v>
      </c>
      <c r="B318" s="9" t="s">
        <v>625</v>
      </c>
      <c r="C318" s="10" t="s">
        <v>9</v>
      </c>
      <c r="D318" s="9" t="s">
        <v>626</v>
      </c>
      <c r="E318" s="9" t="s">
        <v>627</v>
      </c>
      <c r="F318" s="11">
        <v>47391</v>
      </c>
    </row>
    <row r="319" spans="1:6" ht="27.75" customHeight="1">
      <c r="A319" s="23" t="s">
        <v>628</v>
      </c>
      <c r="B319" s="24" t="s">
        <v>629</v>
      </c>
      <c r="C319" s="10" t="s">
        <v>9</v>
      </c>
      <c r="D319" s="24" t="s">
        <v>630</v>
      </c>
      <c r="E319" s="24" t="s">
        <v>21</v>
      </c>
      <c r="F319" s="11">
        <v>46081</v>
      </c>
    </row>
    <row r="320" spans="1:6" ht="27.75" customHeight="1">
      <c r="A320" s="12" t="s">
        <v>631</v>
      </c>
      <c r="B320" s="13" t="s">
        <v>548</v>
      </c>
      <c r="C320" s="10" t="s">
        <v>9</v>
      </c>
      <c r="D320" s="9" t="s">
        <v>549</v>
      </c>
      <c r="E320" s="13" t="s">
        <v>393</v>
      </c>
      <c r="F320" s="11">
        <v>47787</v>
      </c>
    </row>
    <row r="321" spans="1:6" ht="27.75" customHeight="1">
      <c r="A321" s="8" t="s">
        <v>632</v>
      </c>
      <c r="B321" s="13" t="s">
        <v>633</v>
      </c>
      <c r="C321" s="10" t="s">
        <v>9</v>
      </c>
      <c r="D321" s="13" t="s">
        <v>634</v>
      </c>
      <c r="E321" s="13" t="s">
        <v>40</v>
      </c>
      <c r="F321" s="11">
        <v>47422</v>
      </c>
    </row>
    <row r="322" spans="1:6" ht="27.75" customHeight="1">
      <c r="A322" s="8" t="s">
        <v>635</v>
      </c>
      <c r="B322" s="9" t="s">
        <v>636</v>
      </c>
      <c r="C322" s="10" t="s">
        <v>9</v>
      </c>
      <c r="D322" s="13" t="s">
        <v>637</v>
      </c>
      <c r="E322" s="13" t="s">
        <v>40</v>
      </c>
      <c r="F322" s="11">
        <v>47879</v>
      </c>
    </row>
    <row r="323" spans="1:6" ht="27.75" customHeight="1">
      <c r="A323" s="8" t="s">
        <v>638</v>
      </c>
      <c r="B323" s="9" t="s">
        <v>639</v>
      </c>
      <c r="C323" s="10" t="s">
        <v>9</v>
      </c>
      <c r="D323" s="9" t="s">
        <v>640</v>
      </c>
      <c r="E323" s="9" t="s">
        <v>641</v>
      </c>
      <c r="F323" s="11">
        <v>47422</v>
      </c>
    </row>
    <row r="324" spans="1:6" ht="27.75" customHeight="1">
      <c r="A324" s="8" t="s">
        <v>642</v>
      </c>
      <c r="B324" s="9" t="s">
        <v>643</v>
      </c>
      <c r="C324" s="10" t="s">
        <v>9</v>
      </c>
      <c r="D324" s="9" t="s">
        <v>644</v>
      </c>
      <c r="E324" s="9" t="s">
        <v>21</v>
      </c>
      <c r="F324" s="11">
        <v>46446</v>
      </c>
    </row>
    <row r="325" spans="1:6" ht="27.75" customHeight="1">
      <c r="A325" s="17" t="s">
        <v>645</v>
      </c>
      <c r="B325" s="9" t="s">
        <v>646</v>
      </c>
      <c r="C325" s="10" t="s">
        <v>9</v>
      </c>
      <c r="D325" s="9" t="s">
        <v>647</v>
      </c>
      <c r="E325" s="9" t="s">
        <v>648</v>
      </c>
      <c r="F325" s="11">
        <v>47422</v>
      </c>
    </row>
    <row r="326" spans="1:6" ht="27.75" customHeight="1">
      <c r="A326" s="12" t="s">
        <v>649</v>
      </c>
      <c r="B326" s="13" t="s">
        <v>650</v>
      </c>
      <c r="C326" s="10" t="s">
        <v>9</v>
      </c>
      <c r="D326" s="9" t="s">
        <v>651</v>
      </c>
      <c r="E326" s="13" t="s">
        <v>398</v>
      </c>
      <c r="F326" s="11">
        <v>47299</v>
      </c>
    </row>
    <row r="327" spans="1:6" ht="27.75" customHeight="1">
      <c r="A327" s="12" t="s">
        <v>652</v>
      </c>
      <c r="B327" s="13" t="s">
        <v>653</v>
      </c>
      <c r="C327" s="10" t="s">
        <v>9</v>
      </c>
      <c r="D327" s="9" t="s">
        <v>651</v>
      </c>
      <c r="E327" s="13" t="s">
        <v>398</v>
      </c>
      <c r="F327" s="11">
        <v>47299</v>
      </c>
    </row>
    <row r="328" spans="1:6" ht="27.75" customHeight="1">
      <c r="A328" s="17" t="s">
        <v>654</v>
      </c>
      <c r="B328" s="9" t="s">
        <v>650</v>
      </c>
      <c r="C328" s="10" t="s">
        <v>9</v>
      </c>
      <c r="D328" s="9" t="s">
        <v>655</v>
      </c>
      <c r="E328" s="9" t="s">
        <v>21</v>
      </c>
      <c r="F328" s="11">
        <v>47422</v>
      </c>
    </row>
    <row r="329" spans="1:6" ht="27.75" customHeight="1">
      <c r="A329" s="17" t="s">
        <v>656</v>
      </c>
      <c r="B329" s="9" t="s">
        <v>657</v>
      </c>
      <c r="C329" s="10" t="s">
        <v>9</v>
      </c>
      <c r="D329" s="9" t="s">
        <v>658</v>
      </c>
      <c r="E329" s="9" t="s">
        <v>659</v>
      </c>
      <c r="F329" s="11">
        <v>46173</v>
      </c>
    </row>
    <row r="330" spans="1:6" ht="27.75" customHeight="1">
      <c r="A330" s="17" t="s">
        <v>660</v>
      </c>
      <c r="B330" s="9" t="s">
        <v>661</v>
      </c>
      <c r="C330" s="10" t="s">
        <v>9</v>
      </c>
      <c r="D330" s="9" t="s">
        <v>662</v>
      </c>
      <c r="E330" s="9" t="s">
        <v>253</v>
      </c>
      <c r="F330" s="11">
        <v>47422</v>
      </c>
    </row>
    <row r="331" spans="1:6" ht="27.75" customHeight="1">
      <c r="A331" s="23" t="s">
        <v>663</v>
      </c>
      <c r="B331" s="24" t="s">
        <v>661</v>
      </c>
      <c r="C331" s="10" t="s">
        <v>9</v>
      </c>
      <c r="D331" s="9" t="s">
        <v>662</v>
      </c>
      <c r="E331" s="24" t="s">
        <v>243</v>
      </c>
      <c r="F331" s="11">
        <v>47422</v>
      </c>
    </row>
    <row r="332" spans="1:6" ht="27.75" customHeight="1">
      <c r="A332" s="14" t="s">
        <v>664</v>
      </c>
      <c r="B332" s="9" t="s">
        <v>665</v>
      </c>
      <c r="C332" s="10" t="s">
        <v>9</v>
      </c>
      <c r="D332" s="9" t="s">
        <v>666</v>
      </c>
      <c r="E332" s="9" t="s">
        <v>40</v>
      </c>
      <c r="F332" s="11">
        <v>46873</v>
      </c>
    </row>
    <row r="333" spans="1:6" ht="27.75" customHeight="1">
      <c r="A333" s="14" t="s">
        <v>667</v>
      </c>
      <c r="B333" s="9" t="s">
        <v>665</v>
      </c>
      <c r="C333" s="10" t="s">
        <v>9</v>
      </c>
      <c r="D333" s="9" t="s">
        <v>666</v>
      </c>
      <c r="E333" s="9" t="s">
        <v>142</v>
      </c>
      <c r="F333" s="11">
        <v>47422</v>
      </c>
    </row>
    <row r="334" spans="1:6" ht="27.75" customHeight="1">
      <c r="A334" s="12" t="s">
        <v>668</v>
      </c>
      <c r="B334" s="13" t="s">
        <v>665</v>
      </c>
      <c r="C334" s="10" t="s">
        <v>9</v>
      </c>
      <c r="D334" s="13" t="s">
        <v>666</v>
      </c>
      <c r="E334" s="13" t="s">
        <v>142</v>
      </c>
      <c r="F334" s="11">
        <v>47514</v>
      </c>
    </row>
    <row r="335" spans="1:6" ht="27.75" customHeight="1">
      <c r="A335" s="23" t="s">
        <v>669</v>
      </c>
      <c r="B335" s="24" t="s">
        <v>665</v>
      </c>
      <c r="C335" s="10" t="s">
        <v>9</v>
      </c>
      <c r="D335" s="9" t="s">
        <v>666</v>
      </c>
      <c r="E335" s="24" t="s">
        <v>142</v>
      </c>
      <c r="F335" s="11">
        <v>47542</v>
      </c>
    </row>
    <row r="336" spans="1:6" ht="27.75" customHeight="1">
      <c r="A336" s="17" t="s">
        <v>670</v>
      </c>
      <c r="B336" s="9" t="s">
        <v>665</v>
      </c>
      <c r="C336" s="10" t="s">
        <v>9</v>
      </c>
      <c r="D336" s="9" t="s">
        <v>666</v>
      </c>
      <c r="E336" s="9" t="s">
        <v>55</v>
      </c>
      <c r="F336" s="11">
        <v>47452</v>
      </c>
    </row>
    <row r="337" spans="1:6" ht="27.75" customHeight="1">
      <c r="A337" s="12" t="s">
        <v>671</v>
      </c>
      <c r="B337" s="13" t="s">
        <v>665</v>
      </c>
      <c r="C337" s="10" t="s">
        <v>9</v>
      </c>
      <c r="D337" s="13" t="s">
        <v>666</v>
      </c>
      <c r="E337" s="13" t="s">
        <v>40</v>
      </c>
      <c r="F337" s="11">
        <v>47422</v>
      </c>
    </row>
    <row r="338" spans="1:6" ht="27.75" customHeight="1">
      <c r="A338" s="12" t="s">
        <v>672</v>
      </c>
      <c r="B338" s="18" t="s">
        <v>665</v>
      </c>
      <c r="C338" s="10" t="s">
        <v>9</v>
      </c>
      <c r="D338" s="18" t="s">
        <v>666</v>
      </c>
      <c r="E338" s="18" t="s">
        <v>40</v>
      </c>
      <c r="F338" s="19">
        <v>47422</v>
      </c>
    </row>
    <row r="339" spans="1:6" ht="27.75" customHeight="1">
      <c r="A339" s="12" t="s">
        <v>673</v>
      </c>
      <c r="B339" s="13" t="s">
        <v>674</v>
      </c>
      <c r="C339" s="10" t="s">
        <v>9</v>
      </c>
      <c r="D339" s="13" t="s">
        <v>675</v>
      </c>
      <c r="E339" s="13" t="s">
        <v>21</v>
      </c>
      <c r="F339" s="11">
        <v>47422</v>
      </c>
    </row>
    <row r="340" spans="1:6" ht="27.75" customHeight="1">
      <c r="A340" s="17" t="s">
        <v>676</v>
      </c>
      <c r="B340" s="9" t="s">
        <v>674</v>
      </c>
      <c r="C340" s="10" t="s">
        <v>9</v>
      </c>
      <c r="D340" s="9" t="s">
        <v>677</v>
      </c>
      <c r="E340" s="27" t="s">
        <v>21</v>
      </c>
      <c r="F340" s="11">
        <v>47422</v>
      </c>
    </row>
    <row r="341" spans="1:6" ht="27.75" customHeight="1">
      <c r="A341" s="12" t="s">
        <v>678</v>
      </c>
      <c r="B341" s="13" t="s">
        <v>679</v>
      </c>
      <c r="C341" s="10" t="s">
        <v>9</v>
      </c>
      <c r="D341" s="13" t="s">
        <v>680</v>
      </c>
      <c r="E341" s="13" t="s">
        <v>681</v>
      </c>
      <c r="F341" s="11">
        <v>47422</v>
      </c>
    </row>
    <row r="342" spans="1:6" ht="27.75" customHeight="1">
      <c r="A342" s="17" t="s">
        <v>682</v>
      </c>
      <c r="B342" s="9" t="s">
        <v>683</v>
      </c>
      <c r="C342" s="10" t="s">
        <v>9</v>
      </c>
      <c r="D342" s="9" t="s">
        <v>684</v>
      </c>
      <c r="E342" s="26" t="s">
        <v>266</v>
      </c>
      <c r="F342" s="11">
        <v>46203</v>
      </c>
    </row>
    <row r="343" spans="1:6" ht="27.75" customHeight="1">
      <c r="A343" s="12" t="s">
        <v>685</v>
      </c>
      <c r="B343" s="18" t="s">
        <v>686</v>
      </c>
      <c r="C343" s="10" t="s">
        <v>9</v>
      </c>
      <c r="D343" s="18" t="s">
        <v>687</v>
      </c>
      <c r="E343" s="18" t="s">
        <v>11</v>
      </c>
      <c r="F343" s="19">
        <v>47422</v>
      </c>
    </row>
    <row r="344" spans="1:6" ht="27.75" customHeight="1">
      <c r="A344" s="17" t="s">
        <v>688</v>
      </c>
      <c r="B344" s="26" t="s">
        <v>689</v>
      </c>
      <c r="C344" s="10" t="s">
        <v>690</v>
      </c>
      <c r="D344" s="9" t="s">
        <v>691</v>
      </c>
      <c r="E344" s="9" t="s">
        <v>228</v>
      </c>
      <c r="F344" s="11">
        <v>46507</v>
      </c>
    </row>
    <row r="345" spans="1:6" s="22" customFormat="1" ht="27.75" customHeight="1">
      <c r="A345" s="8" t="s">
        <v>692</v>
      </c>
      <c r="B345" s="24" t="s">
        <v>693</v>
      </c>
      <c r="C345" s="10" t="s">
        <v>690</v>
      </c>
      <c r="D345" s="9" t="s">
        <v>694</v>
      </c>
      <c r="E345" s="24" t="s">
        <v>25</v>
      </c>
      <c r="F345" s="11">
        <v>47422</v>
      </c>
    </row>
    <row r="346" spans="1:6" ht="27.75" customHeight="1">
      <c r="A346" s="17" t="s">
        <v>695</v>
      </c>
      <c r="B346" s="9" t="s">
        <v>696</v>
      </c>
      <c r="C346" s="10" t="s">
        <v>690</v>
      </c>
      <c r="D346" s="9" t="s">
        <v>697</v>
      </c>
      <c r="E346" s="26" t="s">
        <v>35</v>
      </c>
      <c r="F346" s="11">
        <v>47299</v>
      </c>
    </row>
    <row r="347" spans="1:6" ht="27.75" customHeight="1">
      <c r="A347" s="17" t="s">
        <v>698</v>
      </c>
      <c r="B347" s="9" t="s">
        <v>699</v>
      </c>
      <c r="C347" s="10" t="s">
        <v>690</v>
      </c>
      <c r="D347" s="9" t="s">
        <v>700</v>
      </c>
      <c r="E347" s="26" t="s">
        <v>75</v>
      </c>
      <c r="F347" s="11">
        <v>47726</v>
      </c>
    </row>
    <row r="348" spans="1:6" ht="27.75" customHeight="1">
      <c r="A348" s="17" t="s">
        <v>701</v>
      </c>
      <c r="B348" s="9" t="s">
        <v>699</v>
      </c>
      <c r="C348" s="10" t="s">
        <v>690</v>
      </c>
      <c r="D348" s="9" t="s">
        <v>700</v>
      </c>
      <c r="E348" s="27" t="s">
        <v>75</v>
      </c>
      <c r="F348" s="11">
        <v>47726</v>
      </c>
    </row>
    <row r="349" spans="1:6" ht="27.75" customHeight="1">
      <c r="A349" s="12" t="s">
        <v>702</v>
      </c>
      <c r="B349" s="13" t="s">
        <v>699</v>
      </c>
      <c r="C349" s="10" t="s">
        <v>690</v>
      </c>
      <c r="D349" s="13" t="s">
        <v>700</v>
      </c>
      <c r="E349" s="13" t="s">
        <v>115</v>
      </c>
      <c r="F349" s="11">
        <v>47422</v>
      </c>
    </row>
    <row r="350" spans="1:6" ht="27.75" customHeight="1">
      <c r="A350" s="17" t="s">
        <v>703</v>
      </c>
      <c r="B350" s="26" t="s">
        <v>704</v>
      </c>
      <c r="C350" s="10" t="s">
        <v>690</v>
      </c>
      <c r="D350" s="9" t="s">
        <v>705</v>
      </c>
      <c r="E350" s="26" t="s">
        <v>21</v>
      </c>
      <c r="F350" s="11">
        <v>47483</v>
      </c>
    </row>
    <row r="351" spans="1:6" ht="27.75" customHeight="1">
      <c r="A351" s="12" t="s">
        <v>706</v>
      </c>
      <c r="B351" s="13" t="s">
        <v>707</v>
      </c>
      <c r="C351" s="10" t="s">
        <v>690</v>
      </c>
      <c r="D351" s="13" t="s">
        <v>708</v>
      </c>
      <c r="E351" s="13" t="s">
        <v>44</v>
      </c>
      <c r="F351" s="11">
        <v>47664</v>
      </c>
    </row>
    <row r="352" spans="1:6" ht="27.75" customHeight="1">
      <c r="A352" s="14" t="s">
        <v>709</v>
      </c>
      <c r="B352" s="9" t="s">
        <v>710</v>
      </c>
      <c r="C352" s="10" t="s">
        <v>690</v>
      </c>
      <c r="D352" s="9" t="s">
        <v>711</v>
      </c>
      <c r="E352" s="9" t="s">
        <v>21</v>
      </c>
      <c r="F352" s="11">
        <v>47422</v>
      </c>
    </row>
    <row r="353" spans="1:6" ht="27.75" customHeight="1">
      <c r="A353" s="12" t="s">
        <v>712</v>
      </c>
      <c r="B353" s="18" t="s">
        <v>713</v>
      </c>
      <c r="C353" s="10" t="s">
        <v>690</v>
      </c>
      <c r="D353" s="18" t="s">
        <v>714</v>
      </c>
      <c r="E353" s="18" t="s">
        <v>86</v>
      </c>
      <c r="F353" s="19">
        <v>47422</v>
      </c>
    </row>
    <row r="354" spans="1:6" ht="27.75" customHeight="1">
      <c r="A354" s="14" t="s">
        <v>715</v>
      </c>
      <c r="B354" s="9" t="s">
        <v>716</v>
      </c>
      <c r="C354" s="10" t="s">
        <v>690</v>
      </c>
      <c r="D354" s="9" t="s">
        <v>717</v>
      </c>
      <c r="E354" s="9" t="s">
        <v>605</v>
      </c>
      <c r="F354" s="11">
        <v>46173</v>
      </c>
    </row>
    <row r="355" spans="1:6" ht="27.75" customHeight="1">
      <c r="A355" s="12" t="s">
        <v>718</v>
      </c>
      <c r="B355" s="13" t="s">
        <v>719</v>
      </c>
      <c r="C355" s="10" t="s">
        <v>690</v>
      </c>
      <c r="D355" s="13" t="s">
        <v>720</v>
      </c>
      <c r="E355" s="13" t="s">
        <v>393</v>
      </c>
      <c r="F355" s="11">
        <v>46477</v>
      </c>
    </row>
    <row r="356" spans="1:6" ht="27.75" customHeight="1">
      <c r="A356" s="23" t="s">
        <v>721</v>
      </c>
      <c r="B356" s="9" t="s">
        <v>722</v>
      </c>
      <c r="C356" s="10" t="s">
        <v>690</v>
      </c>
      <c r="D356" s="9" t="s">
        <v>720</v>
      </c>
      <c r="E356" s="24" t="s">
        <v>44</v>
      </c>
      <c r="F356" s="11">
        <v>47542</v>
      </c>
    </row>
    <row r="357" spans="1:6" ht="27.75" customHeight="1">
      <c r="A357" s="12" t="s">
        <v>723</v>
      </c>
      <c r="B357" s="13" t="s">
        <v>722</v>
      </c>
      <c r="C357" s="10" t="s">
        <v>690</v>
      </c>
      <c r="D357" s="13" t="s">
        <v>720</v>
      </c>
      <c r="E357" s="13" t="s">
        <v>393</v>
      </c>
      <c r="F357" s="11">
        <v>47118</v>
      </c>
    </row>
    <row r="358" spans="1:6" ht="27.75" customHeight="1">
      <c r="A358" s="23" t="s">
        <v>724</v>
      </c>
      <c r="B358" s="9" t="s">
        <v>722</v>
      </c>
      <c r="C358" s="10" t="s">
        <v>690</v>
      </c>
      <c r="D358" s="9" t="s">
        <v>725</v>
      </c>
      <c r="E358" s="24" t="s">
        <v>142</v>
      </c>
      <c r="F358" s="11">
        <v>47664</v>
      </c>
    </row>
    <row r="359" spans="1:6" ht="27.75" customHeight="1">
      <c r="A359" s="23" t="s">
        <v>726</v>
      </c>
      <c r="B359" s="9" t="s">
        <v>722</v>
      </c>
      <c r="C359" s="10" t="s">
        <v>690</v>
      </c>
      <c r="D359" s="9" t="s">
        <v>720</v>
      </c>
      <c r="E359" s="24" t="s">
        <v>44</v>
      </c>
      <c r="F359" s="11">
        <v>47026</v>
      </c>
    </row>
    <row r="360" spans="1:6" ht="27.75" customHeight="1">
      <c r="A360" s="8" t="s">
        <v>727</v>
      </c>
      <c r="B360" s="9" t="s">
        <v>722</v>
      </c>
      <c r="C360" s="10" t="s">
        <v>690</v>
      </c>
      <c r="D360" s="9" t="s">
        <v>720</v>
      </c>
      <c r="E360" s="9" t="s">
        <v>21</v>
      </c>
      <c r="F360" s="11">
        <v>47573</v>
      </c>
    </row>
    <row r="361" spans="1:6" ht="27.75" customHeight="1">
      <c r="A361" s="12" t="s">
        <v>728</v>
      </c>
      <c r="B361" s="13" t="s">
        <v>722</v>
      </c>
      <c r="C361" s="10" t="s">
        <v>690</v>
      </c>
      <c r="D361" s="13" t="s">
        <v>720</v>
      </c>
      <c r="E361" s="13" t="s">
        <v>40</v>
      </c>
      <c r="F361" s="11">
        <v>46873</v>
      </c>
    </row>
    <row r="362" spans="1:6" ht="27.75" customHeight="1">
      <c r="A362" s="17" t="s">
        <v>729</v>
      </c>
      <c r="B362" s="9" t="s">
        <v>722</v>
      </c>
      <c r="C362" s="10" t="s">
        <v>690</v>
      </c>
      <c r="D362" s="9" t="s">
        <v>720</v>
      </c>
      <c r="E362" s="27" t="s">
        <v>274</v>
      </c>
      <c r="F362" s="11">
        <v>47208</v>
      </c>
    </row>
    <row r="363" spans="1:6" ht="27.75" customHeight="1">
      <c r="A363" s="17" t="s">
        <v>730</v>
      </c>
      <c r="B363" s="9" t="s">
        <v>722</v>
      </c>
      <c r="C363" s="10" t="s">
        <v>690</v>
      </c>
      <c r="D363" s="9" t="s">
        <v>720</v>
      </c>
      <c r="E363" s="26" t="s">
        <v>11</v>
      </c>
      <c r="F363" s="11">
        <v>47422</v>
      </c>
    </row>
    <row r="364" spans="1:6" ht="27.75" customHeight="1">
      <c r="A364" s="12" t="s">
        <v>731</v>
      </c>
      <c r="B364" s="18" t="s">
        <v>732</v>
      </c>
      <c r="C364" s="10" t="s">
        <v>690</v>
      </c>
      <c r="D364" s="18" t="s">
        <v>733</v>
      </c>
      <c r="E364" s="18" t="s">
        <v>44</v>
      </c>
      <c r="F364" s="19">
        <v>47452</v>
      </c>
    </row>
    <row r="365" spans="1:6" ht="27.75" customHeight="1">
      <c r="A365" s="12" t="s">
        <v>734</v>
      </c>
      <c r="B365" s="13" t="s">
        <v>33</v>
      </c>
      <c r="C365" s="10" t="s">
        <v>690</v>
      </c>
      <c r="D365" s="13" t="s">
        <v>735</v>
      </c>
      <c r="E365" s="13" t="s">
        <v>21</v>
      </c>
      <c r="F365" s="11">
        <v>47514</v>
      </c>
    </row>
    <row r="366" spans="1:6" ht="27.75" customHeight="1">
      <c r="A366" s="12" t="s">
        <v>736</v>
      </c>
      <c r="B366" s="13" t="s">
        <v>737</v>
      </c>
      <c r="C366" s="10" t="s">
        <v>690</v>
      </c>
      <c r="D366" s="13" t="s">
        <v>738</v>
      </c>
      <c r="E366" s="13" t="s">
        <v>641</v>
      </c>
      <c r="F366" s="11">
        <v>47422</v>
      </c>
    </row>
    <row r="367" spans="1:6" ht="27.75" customHeight="1">
      <c r="A367" s="17" t="s">
        <v>739</v>
      </c>
      <c r="B367" s="9" t="s">
        <v>737</v>
      </c>
      <c r="C367" s="10" t="s">
        <v>690</v>
      </c>
      <c r="D367" s="9" t="s">
        <v>738</v>
      </c>
      <c r="E367" s="9" t="s">
        <v>641</v>
      </c>
      <c r="F367" s="11">
        <v>47422</v>
      </c>
    </row>
    <row r="368" spans="1:6" ht="27.75" customHeight="1">
      <c r="A368" s="17" t="s">
        <v>740</v>
      </c>
      <c r="B368" s="9" t="s">
        <v>741</v>
      </c>
      <c r="C368" s="10" t="s">
        <v>690</v>
      </c>
      <c r="D368" s="9" t="s">
        <v>742</v>
      </c>
      <c r="E368" s="26" t="s">
        <v>743</v>
      </c>
      <c r="F368" s="11">
        <v>46599</v>
      </c>
    </row>
    <row r="369" spans="1:6" ht="27.75" customHeight="1">
      <c r="A369" s="12" t="s">
        <v>744</v>
      </c>
      <c r="B369" s="13" t="s">
        <v>745</v>
      </c>
      <c r="C369" s="10" t="s">
        <v>690</v>
      </c>
      <c r="D369" s="13" t="s">
        <v>746</v>
      </c>
      <c r="E369" s="13" t="s">
        <v>40</v>
      </c>
      <c r="F369" s="11">
        <v>47422</v>
      </c>
    </row>
    <row r="370" spans="1:6" ht="27.75" customHeight="1">
      <c r="A370" s="17" t="s">
        <v>747</v>
      </c>
      <c r="B370" s="9" t="s">
        <v>748</v>
      </c>
      <c r="C370" s="10" t="s">
        <v>690</v>
      </c>
      <c r="D370" s="9" t="s">
        <v>749</v>
      </c>
      <c r="E370" s="26" t="s">
        <v>750</v>
      </c>
      <c r="F370" s="11">
        <v>47483</v>
      </c>
    </row>
    <row r="371" spans="1:6" ht="27.75" customHeight="1">
      <c r="A371" s="12" t="s">
        <v>751</v>
      </c>
      <c r="B371" s="18" t="s">
        <v>752</v>
      </c>
      <c r="C371" s="10" t="s">
        <v>690</v>
      </c>
      <c r="D371" s="13" t="s">
        <v>753</v>
      </c>
      <c r="E371" s="18" t="s">
        <v>754</v>
      </c>
      <c r="F371" s="19">
        <v>47542</v>
      </c>
    </row>
    <row r="372" spans="1:6" ht="27.75" customHeight="1">
      <c r="A372" s="17" t="s">
        <v>755</v>
      </c>
      <c r="B372" s="9" t="s">
        <v>752</v>
      </c>
      <c r="C372" s="10" t="s">
        <v>690</v>
      </c>
      <c r="D372" s="13" t="s">
        <v>756</v>
      </c>
      <c r="E372" s="26" t="s">
        <v>757</v>
      </c>
      <c r="F372" s="11">
        <v>47422</v>
      </c>
    </row>
    <row r="373" spans="1:6" ht="27.75" customHeight="1">
      <c r="A373" s="12" t="s">
        <v>758</v>
      </c>
      <c r="B373" s="13" t="s">
        <v>759</v>
      </c>
      <c r="C373" s="10" t="s">
        <v>690</v>
      </c>
      <c r="D373" s="13" t="s">
        <v>760</v>
      </c>
      <c r="E373" s="13" t="s">
        <v>196</v>
      </c>
      <c r="F373" s="11">
        <v>47422</v>
      </c>
    </row>
    <row r="374" spans="1:6" ht="27.75" customHeight="1">
      <c r="A374" s="17" t="s">
        <v>761</v>
      </c>
      <c r="B374" s="9" t="s">
        <v>759</v>
      </c>
      <c r="C374" s="10" t="s">
        <v>690</v>
      </c>
      <c r="D374" s="9" t="s">
        <v>762</v>
      </c>
      <c r="E374" s="9" t="s">
        <v>605</v>
      </c>
      <c r="F374" s="11">
        <v>47422</v>
      </c>
    </row>
    <row r="375" spans="1:6" ht="27.75" customHeight="1">
      <c r="A375" s="12" t="s">
        <v>763</v>
      </c>
      <c r="B375" s="13" t="s">
        <v>764</v>
      </c>
      <c r="C375" s="10" t="s">
        <v>690</v>
      </c>
      <c r="D375" s="13" t="s">
        <v>765</v>
      </c>
      <c r="E375" s="13" t="s">
        <v>86</v>
      </c>
      <c r="F375" s="11">
        <v>47422</v>
      </c>
    </row>
    <row r="376" spans="1:6" ht="27.75" customHeight="1">
      <c r="A376" s="12" t="s">
        <v>766</v>
      </c>
      <c r="B376" s="13" t="s">
        <v>764</v>
      </c>
      <c r="C376" s="10" t="s">
        <v>690</v>
      </c>
      <c r="D376" s="13" t="s">
        <v>767</v>
      </c>
      <c r="E376" s="13" t="s">
        <v>205</v>
      </c>
      <c r="F376" s="11">
        <v>47452</v>
      </c>
    </row>
    <row r="377" spans="1:6" ht="27.75" customHeight="1">
      <c r="A377" s="12" t="s">
        <v>768</v>
      </c>
      <c r="B377" s="13" t="s">
        <v>769</v>
      </c>
      <c r="C377" s="10" t="s">
        <v>690</v>
      </c>
      <c r="D377" s="13" t="s">
        <v>770</v>
      </c>
      <c r="E377" s="13" t="s">
        <v>21</v>
      </c>
      <c r="F377" s="11">
        <v>46387</v>
      </c>
    </row>
    <row r="378" spans="1:6" ht="27.75" customHeight="1">
      <c r="A378" s="17" t="s">
        <v>771</v>
      </c>
      <c r="B378" s="9" t="s">
        <v>769</v>
      </c>
      <c r="C378" s="10" t="s">
        <v>690</v>
      </c>
      <c r="D378" s="9" t="s">
        <v>772</v>
      </c>
      <c r="E378" s="26" t="s">
        <v>274</v>
      </c>
      <c r="F378" s="11">
        <v>47422</v>
      </c>
    </row>
    <row r="379" spans="1:6" ht="27.75" customHeight="1">
      <c r="A379" s="12" t="s">
        <v>773</v>
      </c>
      <c r="B379" s="13" t="s">
        <v>769</v>
      </c>
      <c r="C379" s="10" t="s">
        <v>690</v>
      </c>
      <c r="D379" s="13" t="s">
        <v>772</v>
      </c>
      <c r="E379" s="13" t="s">
        <v>21</v>
      </c>
      <c r="F379" s="11">
        <v>47603</v>
      </c>
    </row>
    <row r="380" spans="1:6" ht="27.75" customHeight="1">
      <c r="A380" s="14" t="s">
        <v>774</v>
      </c>
      <c r="B380" s="9" t="s">
        <v>775</v>
      </c>
      <c r="C380" s="10" t="s">
        <v>690</v>
      </c>
      <c r="D380" s="9" t="s">
        <v>776</v>
      </c>
      <c r="E380" s="9" t="s">
        <v>40</v>
      </c>
      <c r="F380" s="11">
        <v>47208</v>
      </c>
    </row>
    <row r="381" spans="1:6" ht="27.75" customHeight="1">
      <c r="A381" s="12" t="s">
        <v>777</v>
      </c>
      <c r="B381" s="13" t="s">
        <v>775</v>
      </c>
      <c r="C381" s="10" t="s">
        <v>690</v>
      </c>
      <c r="D381" s="13" t="s">
        <v>776</v>
      </c>
      <c r="E381" s="13" t="s">
        <v>40</v>
      </c>
      <c r="F381" s="11">
        <v>47422</v>
      </c>
    </row>
    <row r="382" spans="1:6" ht="27.75" customHeight="1">
      <c r="A382" s="23" t="s">
        <v>778</v>
      </c>
      <c r="B382" s="9" t="s">
        <v>779</v>
      </c>
      <c r="C382" s="10" t="s">
        <v>690</v>
      </c>
      <c r="D382" s="9" t="s">
        <v>780</v>
      </c>
      <c r="E382" s="24" t="s">
        <v>44</v>
      </c>
      <c r="F382" s="11">
        <v>47634</v>
      </c>
    </row>
    <row r="383" spans="1:6" ht="27.75" customHeight="1">
      <c r="A383" s="23" t="s">
        <v>781</v>
      </c>
      <c r="B383" s="9" t="s">
        <v>782</v>
      </c>
      <c r="C383" s="10" t="s">
        <v>690</v>
      </c>
      <c r="D383" s="9" t="s">
        <v>783</v>
      </c>
      <c r="E383" s="24" t="s">
        <v>21</v>
      </c>
      <c r="F383" s="11">
        <v>47361</v>
      </c>
    </row>
    <row r="384" spans="1:6" ht="27.75" customHeight="1">
      <c r="A384" s="12" t="s">
        <v>784</v>
      </c>
      <c r="B384" s="13" t="s">
        <v>785</v>
      </c>
      <c r="C384" s="10" t="s">
        <v>690</v>
      </c>
      <c r="D384" s="13" t="s">
        <v>786</v>
      </c>
      <c r="E384" s="13" t="s">
        <v>224</v>
      </c>
      <c r="F384" s="11">
        <v>47726</v>
      </c>
    </row>
    <row r="385" spans="1:6" ht="27.75" customHeight="1">
      <c r="A385" s="14" t="s">
        <v>787</v>
      </c>
      <c r="B385" s="13" t="s">
        <v>788</v>
      </c>
      <c r="C385" s="10" t="s">
        <v>690</v>
      </c>
      <c r="D385" s="9" t="s">
        <v>789</v>
      </c>
      <c r="E385" s="9" t="s">
        <v>790</v>
      </c>
      <c r="F385" s="11">
        <v>46507</v>
      </c>
    </row>
    <row r="386" spans="1:6" ht="27.75" customHeight="1">
      <c r="A386" s="12" t="s">
        <v>791</v>
      </c>
      <c r="B386" s="13" t="s">
        <v>788</v>
      </c>
      <c r="C386" s="10" t="s">
        <v>690</v>
      </c>
      <c r="D386" s="13" t="s">
        <v>789</v>
      </c>
      <c r="E386" s="13" t="s">
        <v>21</v>
      </c>
      <c r="F386" s="11">
        <v>47452</v>
      </c>
    </row>
    <row r="387" spans="1:6" ht="27.75" customHeight="1">
      <c r="A387" s="12" t="s">
        <v>792</v>
      </c>
      <c r="B387" s="13" t="s">
        <v>793</v>
      </c>
      <c r="C387" s="10" t="s">
        <v>690</v>
      </c>
      <c r="D387" s="13" t="s">
        <v>794</v>
      </c>
      <c r="E387" s="13" t="s">
        <v>21</v>
      </c>
      <c r="F387" s="11">
        <v>47087</v>
      </c>
    </row>
    <row r="388" spans="1:6" ht="27.75" customHeight="1">
      <c r="A388" s="17" t="s">
        <v>795</v>
      </c>
      <c r="B388" s="9" t="s">
        <v>793</v>
      </c>
      <c r="C388" s="10" t="s">
        <v>690</v>
      </c>
      <c r="D388" s="9" t="s">
        <v>794</v>
      </c>
      <c r="E388" s="26" t="s">
        <v>21</v>
      </c>
      <c r="F388" s="11">
        <v>47422</v>
      </c>
    </row>
    <row r="389" spans="1:6" ht="27.75" customHeight="1">
      <c r="A389" s="12" t="s">
        <v>796</v>
      </c>
      <c r="B389" s="18" t="s">
        <v>793</v>
      </c>
      <c r="C389" s="10" t="s">
        <v>690</v>
      </c>
      <c r="D389" s="18" t="s">
        <v>794</v>
      </c>
      <c r="E389" s="18" t="s">
        <v>21</v>
      </c>
      <c r="F389" s="19">
        <v>47603</v>
      </c>
    </row>
    <row r="390" spans="1:6" ht="27.75" customHeight="1">
      <c r="A390" s="14" t="s">
        <v>797</v>
      </c>
      <c r="B390" s="9" t="s">
        <v>798</v>
      </c>
      <c r="C390" s="10" t="s">
        <v>690</v>
      </c>
      <c r="D390" s="9" t="s">
        <v>799</v>
      </c>
      <c r="E390" s="9" t="s">
        <v>17</v>
      </c>
      <c r="F390" s="11">
        <v>47361</v>
      </c>
    </row>
    <row r="391" spans="1:6" ht="27.75" customHeight="1">
      <c r="A391" s="17" t="s">
        <v>800</v>
      </c>
      <c r="B391" s="9" t="s">
        <v>801</v>
      </c>
      <c r="C391" s="10" t="s">
        <v>690</v>
      </c>
      <c r="D391" s="9" t="s">
        <v>802</v>
      </c>
      <c r="E391" s="26" t="s">
        <v>803</v>
      </c>
      <c r="F391" s="11">
        <v>47452</v>
      </c>
    </row>
    <row r="392" spans="1:6" ht="27.75" customHeight="1">
      <c r="A392" s="12" t="s">
        <v>804</v>
      </c>
      <c r="B392" s="13" t="s">
        <v>805</v>
      </c>
      <c r="C392" s="10" t="s">
        <v>690</v>
      </c>
      <c r="D392" s="13" t="s">
        <v>806</v>
      </c>
      <c r="E392" s="13" t="s">
        <v>807</v>
      </c>
      <c r="F392" s="11">
        <v>46965</v>
      </c>
    </row>
    <row r="393" spans="1:6" ht="27.75" customHeight="1">
      <c r="A393" s="17" t="s">
        <v>808</v>
      </c>
      <c r="B393" s="9" t="s">
        <v>805</v>
      </c>
      <c r="C393" s="10" t="s">
        <v>690</v>
      </c>
      <c r="D393" s="9" t="s">
        <v>806</v>
      </c>
      <c r="E393" s="9" t="s">
        <v>809</v>
      </c>
      <c r="F393" s="11">
        <v>47848</v>
      </c>
    </row>
    <row r="394" spans="1:6" ht="27.75" customHeight="1">
      <c r="A394" s="17" t="s">
        <v>810</v>
      </c>
      <c r="B394" s="9" t="s">
        <v>811</v>
      </c>
      <c r="C394" s="10" t="s">
        <v>690</v>
      </c>
      <c r="D394" s="9" t="s">
        <v>812</v>
      </c>
      <c r="E394" s="9" t="s">
        <v>17</v>
      </c>
      <c r="F394" s="11">
        <v>47118</v>
      </c>
    </row>
    <row r="395" spans="1:6" ht="27.75" customHeight="1">
      <c r="A395" s="8" t="s">
        <v>813</v>
      </c>
      <c r="B395" s="9" t="s">
        <v>814</v>
      </c>
      <c r="C395" s="10" t="s">
        <v>690</v>
      </c>
      <c r="D395" s="9" t="s">
        <v>815</v>
      </c>
      <c r="E395" s="9" t="s">
        <v>21</v>
      </c>
      <c r="F395" s="11">
        <v>47422</v>
      </c>
    </row>
    <row r="396" spans="1:6" ht="27.75" customHeight="1">
      <c r="A396" s="17" t="s">
        <v>816</v>
      </c>
      <c r="B396" s="9" t="s">
        <v>814</v>
      </c>
      <c r="C396" s="10" t="s">
        <v>690</v>
      </c>
      <c r="D396" s="9" t="s">
        <v>815</v>
      </c>
      <c r="E396" s="26" t="s">
        <v>21</v>
      </c>
      <c r="F396" s="11">
        <v>47422</v>
      </c>
    </row>
    <row r="397" spans="1:6" ht="27.75" customHeight="1">
      <c r="A397" s="8" t="s">
        <v>817</v>
      </c>
      <c r="B397" s="9" t="s">
        <v>814</v>
      </c>
      <c r="C397" s="10" t="s">
        <v>690</v>
      </c>
      <c r="D397" s="9" t="s">
        <v>818</v>
      </c>
      <c r="E397" s="9" t="s">
        <v>819</v>
      </c>
      <c r="F397" s="11">
        <v>47422</v>
      </c>
    </row>
    <row r="398" spans="1:6" ht="27.75" customHeight="1">
      <c r="A398" s="17" t="s">
        <v>820</v>
      </c>
      <c r="B398" s="9" t="s">
        <v>814</v>
      </c>
      <c r="C398" s="10" t="s">
        <v>690</v>
      </c>
      <c r="D398" s="9" t="s">
        <v>818</v>
      </c>
      <c r="E398" s="9" t="s">
        <v>11</v>
      </c>
      <c r="F398" s="11">
        <v>46234</v>
      </c>
    </row>
    <row r="399" spans="1:6" ht="27.75" customHeight="1">
      <c r="A399" s="14" t="s">
        <v>821</v>
      </c>
      <c r="B399" s="9" t="s">
        <v>814</v>
      </c>
      <c r="C399" s="10" t="s">
        <v>690</v>
      </c>
      <c r="D399" s="9" t="s">
        <v>818</v>
      </c>
      <c r="E399" s="9" t="s">
        <v>321</v>
      </c>
      <c r="F399" s="11">
        <v>47695</v>
      </c>
    </row>
    <row r="400" spans="1:6" ht="27.75" customHeight="1">
      <c r="A400" s="14" t="s">
        <v>822</v>
      </c>
      <c r="B400" s="9" t="s">
        <v>814</v>
      </c>
      <c r="C400" s="10" t="s">
        <v>690</v>
      </c>
      <c r="D400" s="9" t="s">
        <v>818</v>
      </c>
      <c r="E400" s="9" t="s">
        <v>823</v>
      </c>
      <c r="F400" s="11">
        <v>47299</v>
      </c>
    </row>
    <row r="401" spans="1:6" ht="27.75" customHeight="1">
      <c r="A401" s="14" t="s">
        <v>824</v>
      </c>
      <c r="B401" s="9" t="s">
        <v>814</v>
      </c>
      <c r="C401" s="10" t="s">
        <v>690</v>
      </c>
      <c r="D401" s="9" t="s">
        <v>818</v>
      </c>
      <c r="E401" s="9" t="s">
        <v>40</v>
      </c>
      <c r="F401" s="11">
        <v>47422</v>
      </c>
    </row>
    <row r="402" spans="1:6" ht="27.75" customHeight="1">
      <c r="A402" s="17" t="s">
        <v>825</v>
      </c>
      <c r="B402" s="9" t="s">
        <v>826</v>
      </c>
      <c r="C402" s="10" t="s">
        <v>690</v>
      </c>
      <c r="D402" s="9" t="s">
        <v>827</v>
      </c>
      <c r="E402" s="9" t="s">
        <v>828</v>
      </c>
      <c r="F402" s="11">
        <v>47573</v>
      </c>
    </row>
    <row r="403" spans="1:6" ht="27.75" customHeight="1">
      <c r="A403" s="17" t="s">
        <v>829</v>
      </c>
      <c r="B403" s="26" t="s">
        <v>826</v>
      </c>
      <c r="C403" s="10" t="s">
        <v>690</v>
      </c>
      <c r="D403" s="9" t="s">
        <v>827</v>
      </c>
      <c r="E403" s="26" t="s">
        <v>21</v>
      </c>
      <c r="F403" s="11">
        <v>47938</v>
      </c>
    </row>
    <row r="404" spans="1:6" ht="27.75" customHeight="1">
      <c r="A404" s="14" t="s">
        <v>830</v>
      </c>
      <c r="B404" s="9" t="s">
        <v>826</v>
      </c>
      <c r="C404" s="10" t="s">
        <v>690</v>
      </c>
      <c r="D404" s="9" t="s">
        <v>827</v>
      </c>
      <c r="E404" s="9" t="s">
        <v>21</v>
      </c>
      <c r="F404" s="11">
        <v>46326</v>
      </c>
    </row>
    <row r="405" spans="1:6" ht="27.75" customHeight="1">
      <c r="A405" s="12" t="s">
        <v>831</v>
      </c>
      <c r="B405" s="13" t="s">
        <v>826</v>
      </c>
      <c r="C405" s="10" t="s">
        <v>690</v>
      </c>
      <c r="D405" s="13" t="s">
        <v>827</v>
      </c>
      <c r="E405" s="13" t="s">
        <v>21</v>
      </c>
      <c r="F405" s="11">
        <v>47452</v>
      </c>
    </row>
    <row r="406" spans="1:6" ht="27.75" customHeight="1">
      <c r="A406" s="8" t="s">
        <v>832</v>
      </c>
      <c r="B406" s="13" t="s">
        <v>833</v>
      </c>
      <c r="C406" s="10" t="s">
        <v>690</v>
      </c>
      <c r="D406" s="13" t="s">
        <v>834</v>
      </c>
      <c r="E406" s="13" t="s">
        <v>17</v>
      </c>
      <c r="F406" s="11">
        <v>47422</v>
      </c>
    </row>
    <row r="407" spans="1:6" ht="27.75" customHeight="1">
      <c r="A407" s="17" t="s">
        <v>835</v>
      </c>
      <c r="B407" s="9" t="s">
        <v>836</v>
      </c>
      <c r="C407" s="10" t="s">
        <v>690</v>
      </c>
      <c r="D407" s="9" t="s">
        <v>837</v>
      </c>
      <c r="E407" s="9" t="s">
        <v>838</v>
      </c>
      <c r="F407" s="11">
        <v>47483</v>
      </c>
    </row>
    <row r="408" spans="1:6" ht="27.75" customHeight="1">
      <c r="A408" s="8" t="s">
        <v>839</v>
      </c>
      <c r="B408" s="13" t="s">
        <v>840</v>
      </c>
      <c r="C408" s="10" t="s">
        <v>690</v>
      </c>
      <c r="D408" s="13" t="s">
        <v>841</v>
      </c>
      <c r="E408" s="13" t="s">
        <v>21</v>
      </c>
      <c r="F408" s="11">
        <v>47422</v>
      </c>
    </row>
    <row r="409" spans="1:6" ht="27.75" customHeight="1">
      <c r="A409" s="8" t="s">
        <v>842</v>
      </c>
      <c r="B409" s="13" t="s">
        <v>843</v>
      </c>
      <c r="C409" s="10" t="s">
        <v>690</v>
      </c>
      <c r="D409" s="13" t="s">
        <v>844</v>
      </c>
      <c r="E409" s="13" t="s">
        <v>21</v>
      </c>
      <c r="F409" s="11">
        <v>47422</v>
      </c>
    </row>
    <row r="410" spans="1:6" ht="27.75" customHeight="1">
      <c r="A410" s="12" t="s">
        <v>845</v>
      </c>
      <c r="B410" s="13" t="s">
        <v>846</v>
      </c>
      <c r="C410" s="10" t="s">
        <v>690</v>
      </c>
      <c r="D410" s="13" t="s">
        <v>847</v>
      </c>
      <c r="E410" s="13" t="s">
        <v>848</v>
      </c>
      <c r="F410" s="11">
        <v>47422</v>
      </c>
    </row>
    <row r="411" spans="1:6" ht="27.75" customHeight="1">
      <c r="A411" s="14" t="s">
        <v>849</v>
      </c>
      <c r="B411" s="26" t="s">
        <v>850</v>
      </c>
      <c r="C411" s="10" t="s">
        <v>690</v>
      </c>
      <c r="D411" s="9" t="s">
        <v>851</v>
      </c>
      <c r="E411" s="9" t="s">
        <v>393</v>
      </c>
      <c r="F411" s="11">
        <v>47238</v>
      </c>
    </row>
    <row r="412" spans="1:6" ht="27.75" customHeight="1">
      <c r="A412" s="12" t="s">
        <v>852</v>
      </c>
      <c r="B412" s="13" t="s">
        <v>850</v>
      </c>
      <c r="C412" s="10" t="s">
        <v>690</v>
      </c>
      <c r="D412" s="13" t="s">
        <v>851</v>
      </c>
      <c r="E412" s="13" t="s">
        <v>234</v>
      </c>
      <c r="F412" s="11">
        <v>47422</v>
      </c>
    </row>
    <row r="413" spans="1:6" ht="27.75" customHeight="1">
      <c r="A413" s="12" t="s">
        <v>853</v>
      </c>
      <c r="B413" s="13" t="s">
        <v>850</v>
      </c>
      <c r="C413" s="10" t="s">
        <v>690</v>
      </c>
      <c r="D413" s="13" t="s">
        <v>851</v>
      </c>
      <c r="E413" s="13" t="s">
        <v>228</v>
      </c>
      <c r="F413" s="11">
        <v>47422</v>
      </c>
    </row>
    <row r="414" spans="1:6" ht="27.75" customHeight="1">
      <c r="A414" s="20" t="s">
        <v>854</v>
      </c>
      <c r="B414" s="13" t="s">
        <v>850</v>
      </c>
      <c r="C414" s="10" t="s">
        <v>690</v>
      </c>
      <c r="D414" s="13" t="s">
        <v>851</v>
      </c>
      <c r="E414" s="13" t="s">
        <v>11</v>
      </c>
      <c r="F414" s="11">
        <v>46173</v>
      </c>
    </row>
    <row r="415" spans="1:6" ht="27.75" customHeight="1">
      <c r="A415" s="8" t="s">
        <v>855</v>
      </c>
      <c r="B415" s="13" t="s">
        <v>850</v>
      </c>
      <c r="C415" s="10" t="s">
        <v>690</v>
      </c>
      <c r="D415" s="13" t="s">
        <v>851</v>
      </c>
      <c r="E415" s="13" t="s">
        <v>111</v>
      </c>
      <c r="F415" s="11">
        <v>47756</v>
      </c>
    </row>
    <row r="416" spans="1:6" ht="27.75" customHeight="1">
      <c r="A416" s="8" t="s">
        <v>856</v>
      </c>
      <c r="B416" s="13" t="s">
        <v>850</v>
      </c>
      <c r="C416" s="10" t="s">
        <v>690</v>
      </c>
      <c r="D416" s="13" t="s">
        <v>851</v>
      </c>
      <c r="E416" s="13" t="s">
        <v>63</v>
      </c>
      <c r="F416" s="11">
        <v>47118</v>
      </c>
    </row>
    <row r="417" spans="1:6" ht="27.75" customHeight="1">
      <c r="A417" s="8" t="s">
        <v>857</v>
      </c>
      <c r="B417" s="9" t="s">
        <v>850</v>
      </c>
      <c r="C417" s="10" t="s">
        <v>690</v>
      </c>
      <c r="D417" s="9" t="s">
        <v>851</v>
      </c>
      <c r="E417" s="9" t="s">
        <v>44</v>
      </c>
      <c r="F417" s="11">
        <v>47422</v>
      </c>
    </row>
    <row r="418" spans="1:6" ht="27.75" customHeight="1">
      <c r="A418" s="14" t="s">
        <v>858</v>
      </c>
      <c r="B418" s="13" t="s">
        <v>850</v>
      </c>
      <c r="C418" s="10" t="s">
        <v>690</v>
      </c>
      <c r="D418" s="13" t="s">
        <v>851</v>
      </c>
      <c r="E418" s="9" t="s">
        <v>270</v>
      </c>
      <c r="F418" s="11">
        <v>47422</v>
      </c>
    </row>
    <row r="419" spans="1:6" ht="27.75" customHeight="1">
      <c r="A419" s="12" t="s">
        <v>859</v>
      </c>
      <c r="B419" s="13" t="s">
        <v>850</v>
      </c>
      <c r="C419" s="10" t="s">
        <v>690</v>
      </c>
      <c r="D419" s="13" t="s">
        <v>851</v>
      </c>
      <c r="E419" s="13" t="s">
        <v>115</v>
      </c>
      <c r="F419" s="11">
        <v>47542</v>
      </c>
    </row>
    <row r="420" spans="1:6" ht="27.75" customHeight="1">
      <c r="A420" s="17" t="s">
        <v>860</v>
      </c>
      <c r="B420" s="9" t="s">
        <v>850</v>
      </c>
      <c r="C420" s="10" t="s">
        <v>690</v>
      </c>
      <c r="D420" s="9" t="s">
        <v>851</v>
      </c>
      <c r="E420" s="27" t="s">
        <v>861</v>
      </c>
      <c r="F420" s="11">
        <v>47573</v>
      </c>
    </row>
    <row r="421" spans="1:6" ht="27.75" customHeight="1">
      <c r="A421" s="14" t="s">
        <v>862</v>
      </c>
      <c r="B421" s="9" t="s">
        <v>850</v>
      </c>
      <c r="C421" s="10" t="s">
        <v>690</v>
      </c>
      <c r="D421" s="9" t="s">
        <v>851</v>
      </c>
      <c r="E421" s="9" t="s">
        <v>393</v>
      </c>
      <c r="F421" s="11">
        <v>47269</v>
      </c>
    </row>
    <row r="422" spans="1:6" ht="27.75" customHeight="1">
      <c r="A422" s="12" t="s">
        <v>863</v>
      </c>
      <c r="B422" s="18" t="s">
        <v>850</v>
      </c>
      <c r="C422" s="10" t="s">
        <v>690</v>
      </c>
      <c r="D422" s="18" t="s">
        <v>851</v>
      </c>
      <c r="E422" s="18" t="s">
        <v>823</v>
      </c>
      <c r="F422" s="19">
        <v>46538</v>
      </c>
    </row>
    <row r="423" spans="1:6" ht="27.75" customHeight="1">
      <c r="A423" s="12" t="s">
        <v>864</v>
      </c>
      <c r="B423" s="13" t="s">
        <v>850</v>
      </c>
      <c r="C423" s="10" t="s">
        <v>690</v>
      </c>
      <c r="D423" s="13" t="s">
        <v>851</v>
      </c>
      <c r="E423" s="13" t="s">
        <v>40</v>
      </c>
      <c r="F423" s="11">
        <v>47208</v>
      </c>
    </row>
    <row r="424" spans="1:6" ht="27.75" customHeight="1">
      <c r="A424" s="12" t="s">
        <v>865</v>
      </c>
      <c r="B424" s="13" t="s">
        <v>850</v>
      </c>
      <c r="C424" s="10" t="s">
        <v>690</v>
      </c>
      <c r="D424" s="13" t="s">
        <v>851</v>
      </c>
      <c r="E424" s="13" t="s">
        <v>40</v>
      </c>
      <c r="F424" s="11">
        <v>47422</v>
      </c>
    </row>
    <row r="425" spans="1:6" ht="27.75" customHeight="1">
      <c r="A425" s="12" t="s">
        <v>866</v>
      </c>
      <c r="B425" s="18" t="s">
        <v>850</v>
      </c>
      <c r="C425" s="10" t="s">
        <v>690</v>
      </c>
      <c r="D425" s="18" t="s">
        <v>851</v>
      </c>
      <c r="E425" s="18" t="s">
        <v>393</v>
      </c>
      <c r="F425" s="19">
        <v>47603</v>
      </c>
    </row>
    <row r="426" spans="1:6" ht="27.75" customHeight="1">
      <c r="A426" s="8" t="s">
        <v>867</v>
      </c>
      <c r="B426" s="13" t="s">
        <v>850</v>
      </c>
      <c r="C426" s="10" t="s">
        <v>690</v>
      </c>
      <c r="D426" s="13" t="s">
        <v>851</v>
      </c>
      <c r="E426" s="13" t="s">
        <v>424</v>
      </c>
      <c r="F426" s="11">
        <v>47573</v>
      </c>
    </row>
    <row r="427" spans="1:6" ht="27.75" customHeight="1">
      <c r="A427" s="12" t="s">
        <v>868</v>
      </c>
      <c r="B427" s="13" t="s">
        <v>850</v>
      </c>
      <c r="C427" s="10" t="s">
        <v>690</v>
      </c>
      <c r="D427" s="13" t="s">
        <v>851</v>
      </c>
      <c r="E427" s="13" t="s">
        <v>393</v>
      </c>
      <c r="F427" s="11">
        <v>47330</v>
      </c>
    </row>
    <row r="428" spans="1:6" ht="27.75" customHeight="1">
      <c r="A428" s="20" t="s">
        <v>869</v>
      </c>
      <c r="B428" s="13" t="s">
        <v>850</v>
      </c>
      <c r="C428" s="10" t="s">
        <v>690</v>
      </c>
      <c r="D428" s="13" t="s">
        <v>851</v>
      </c>
      <c r="E428" s="13" t="s">
        <v>228</v>
      </c>
      <c r="F428" s="11">
        <v>47422</v>
      </c>
    </row>
    <row r="429" spans="1:6" s="28" customFormat="1" ht="27.75" customHeight="1">
      <c r="A429" s="12" t="s">
        <v>870</v>
      </c>
      <c r="B429" s="13" t="s">
        <v>850</v>
      </c>
      <c r="C429" s="10" t="s">
        <v>690</v>
      </c>
      <c r="D429" s="13" t="s">
        <v>851</v>
      </c>
      <c r="E429" s="13" t="s">
        <v>393</v>
      </c>
      <c r="F429" s="11">
        <v>47603</v>
      </c>
    </row>
    <row r="430" spans="1:6" ht="27.75" customHeight="1">
      <c r="A430" s="8" t="s">
        <v>871</v>
      </c>
      <c r="B430" s="13" t="s">
        <v>850</v>
      </c>
      <c r="C430" s="10" t="s">
        <v>690</v>
      </c>
      <c r="D430" s="13" t="s">
        <v>851</v>
      </c>
      <c r="E430" s="13" t="s">
        <v>40</v>
      </c>
      <c r="F430" s="11">
        <v>47422</v>
      </c>
    </row>
    <row r="431" spans="1:6" ht="27.75" customHeight="1">
      <c r="A431" s="17" t="s">
        <v>872</v>
      </c>
      <c r="B431" s="13" t="s">
        <v>850</v>
      </c>
      <c r="C431" s="10" t="s">
        <v>690</v>
      </c>
      <c r="D431" s="13" t="s">
        <v>851</v>
      </c>
      <c r="E431" s="9" t="s">
        <v>196</v>
      </c>
      <c r="F431" s="11">
        <v>47422</v>
      </c>
    </row>
    <row r="432" spans="1:6" ht="27.75" customHeight="1">
      <c r="A432" s="8" t="s">
        <v>873</v>
      </c>
      <c r="B432" s="9" t="s">
        <v>850</v>
      </c>
      <c r="C432" s="10" t="s">
        <v>690</v>
      </c>
      <c r="D432" s="9" t="s">
        <v>851</v>
      </c>
      <c r="E432" s="9" t="s">
        <v>874</v>
      </c>
      <c r="F432" s="11">
        <v>47422</v>
      </c>
    </row>
    <row r="433" spans="1:6" ht="27.75" customHeight="1">
      <c r="A433" s="12" t="s">
        <v>875</v>
      </c>
      <c r="B433" s="13" t="s">
        <v>850</v>
      </c>
      <c r="C433" s="10" t="s">
        <v>690</v>
      </c>
      <c r="D433" s="13" t="s">
        <v>851</v>
      </c>
      <c r="E433" s="13" t="s">
        <v>861</v>
      </c>
      <c r="F433" s="11">
        <v>47573</v>
      </c>
    </row>
    <row r="434" spans="1:6" s="28" customFormat="1" ht="27.75" customHeight="1">
      <c r="A434" s="12" t="s">
        <v>876</v>
      </c>
      <c r="B434" s="13" t="s">
        <v>850</v>
      </c>
      <c r="C434" s="10" t="s">
        <v>690</v>
      </c>
      <c r="D434" s="13" t="s">
        <v>851</v>
      </c>
      <c r="E434" s="13" t="s">
        <v>393</v>
      </c>
      <c r="F434" s="11">
        <v>47422</v>
      </c>
    </row>
    <row r="435" spans="1:6" ht="27.75" customHeight="1">
      <c r="A435" s="8" t="s">
        <v>877</v>
      </c>
      <c r="B435" s="9" t="s">
        <v>850</v>
      </c>
      <c r="C435" s="10" t="s">
        <v>690</v>
      </c>
      <c r="D435" s="9" t="s">
        <v>851</v>
      </c>
      <c r="E435" s="9" t="s">
        <v>284</v>
      </c>
      <c r="F435" s="11">
        <v>47422</v>
      </c>
    </row>
    <row r="436" spans="1:6" ht="27.75" customHeight="1">
      <c r="A436" s="12" t="s">
        <v>878</v>
      </c>
      <c r="B436" s="13" t="s">
        <v>850</v>
      </c>
      <c r="C436" s="10" t="s">
        <v>690</v>
      </c>
      <c r="D436" s="13" t="s">
        <v>851</v>
      </c>
      <c r="E436" s="13" t="s">
        <v>44</v>
      </c>
      <c r="F436" s="11">
        <v>47938</v>
      </c>
    </row>
    <row r="437" spans="1:6" ht="27.75" customHeight="1">
      <c r="A437" s="17" t="s">
        <v>879</v>
      </c>
      <c r="B437" s="9" t="s">
        <v>850</v>
      </c>
      <c r="C437" s="10" t="s">
        <v>690</v>
      </c>
      <c r="D437" s="9" t="s">
        <v>851</v>
      </c>
      <c r="E437" s="26" t="s">
        <v>115</v>
      </c>
      <c r="F437" s="11">
        <v>47422</v>
      </c>
    </row>
    <row r="438" spans="1:6" ht="27.75" customHeight="1">
      <c r="A438" s="17" t="s">
        <v>880</v>
      </c>
      <c r="B438" s="9" t="s">
        <v>850</v>
      </c>
      <c r="C438" s="10" t="s">
        <v>690</v>
      </c>
      <c r="D438" s="9" t="s">
        <v>851</v>
      </c>
      <c r="E438" s="9" t="s">
        <v>40</v>
      </c>
      <c r="F438" s="11">
        <v>47422</v>
      </c>
    </row>
    <row r="439" spans="1:6" ht="27.75" customHeight="1">
      <c r="A439" s="12" t="s">
        <v>881</v>
      </c>
      <c r="B439" s="9" t="s">
        <v>850</v>
      </c>
      <c r="C439" s="10" t="s">
        <v>690</v>
      </c>
      <c r="D439" s="18" t="s">
        <v>851</v>
      </c>
      <c r="E439" s="9" t="s">
        <v>196</v>
      </c>
      <c r="F439" s="11">
        <v>47422</v>
      </c>
    </row>
    <row r="440" spans="1:6" ht="27.75" customHeight="1">
      <c r="A440" s="12" t="s">
        <v>882</v>
      </c>
      <c r="B440" s="18" t="s">
        <v>850</v>
      </c>
      <c r="C440" s="10" t="s">
        <v>690</v>
      </c>
      <c r="D440" s="18" t="s">
        <v>851</v>
      </c>
      <c r="E440" s="18" t="s">
        <v>228</v>
      </c>
      <c r="F440" s="19">
        <v>47422</v>
      </c>
    </row>
    <row r="441" spans="1:6" ht="27.75" customHeight="1">
      <c r="A441" s="12" t="s">
        <v>883</v>
      </c>
      <c r="B441" s="18" t="s">
        <v>850</v>
      </c>
      <c r="C441" s="10" t="s">
        <v>690</v>
      </c>
      <c r="D441" s="18" t="s">
        <v>851</v>
      </c>
      <c r="E441" s="18" t="s">
        <v>115</v>
      </c>
      <c r="F441" s="19">
        <v>47542</v>
      </c>
    </row>
    <row r="442" spans="1:6" ht="27.75" customHeight="1">
      <c r="A442" s="17" t="s">
        <v>884</v>
      </c>
      <c r="B442" s="9" t="s">
        <v>850</v>
      </c>
      <c r="C442" s="10" t="s">
        <v>690</v>
      </c>
      <c r="D442" s="9" t="s">
        <v>851</v>
      </c>
      <c r="E442" s="9" t="s">
        <v>288</v>
      </c>
      <c r="F442" s="11">
        <v>47422</v>
      </c>
    </row>
    <row r="443" spans="1:6" ht="27.75" customHeight="1">
      <c r="A443" s="14" t="s">
        <v>885</v>
      </c>
      <c r="B443" s="9" t="s">
        <v>850</v>
      </c>
      <c r="C443" s="10" t="s">
        <v>690</v>
      </c>
      <c r="D443" s="9" t="s">
        <v>851</v>
      </c>
      <c r="E443" s="9" t="s">
        <v>393</v>
      </c>
      <c r="F443" s="11">
        <v>47422</v>
      </c>
    </row>
    <row r="444" spans="1:6" ht="27.75" customHeight="1">
      <c r="A444" s="12" t="s">
        <v>886</v>
      </c>
      <c r="B444" s="13" t="s">
        <v>850</v>
      </c>
      <c r="C444" s="10" t="s">
        <v>690</v>
      </c>
      <c r="D444" s="13" t="s">
        <v>851</v>
      </c>
      <c r="E444" s="13" t="s">
        <v>253</v>
      </c>
      <c r="F444" s="11">
        <v>47422</v>
      </c>
    </row>
    <row r="445" spans="1:6" ht="27.75" customHeight="1">
      <c r="A445" s="23" t="s">
        <v>887</v>
      </c>
      <c r="B445" s="9" t="s">
        <v>850</v>
      </c>
      <c r="C445" s="10" t="s">
        <v>690</v>
      </c>
      <c r="D445" s="9" t="s">
        <v>851</v>
      </c>
      <c r="E445" s="24" t="s">
        <v>888</v>
      </c>
      <c r="F445" s="11">
        <v>46843</v>
      </c>
    </row>
    <row r="446" spans="1:6" ht="27.75" customHeight="1">
      <c r="A446" s="12" t="s">
        <v>889</v>
      </c>
      <c r="B446" s="13" t="s">
        <v>850</v>
      </c>
      <c r="C446" s="10" t="s">
        <v>690</v>
      </c>
      <c r="D446" s="13" t="s">
        <v>851</v>
      </c>
      <c r="E446" s="13" t="s">
        <v>253</v>
      </c>
      <c r="F446" s="11">
        <v>47573</v>
      </c>
    </row>
    <row r="447" spans="1:6" ht="27.75" customHeight="1">
      <c r="A447" s="17" t="s">
        <v>890</v>
      </c>
      <c r="B447" s="9" t="s">
        <v>850</v>
      </c>
      <c r="C447" s="10" t="s">
        <v>690</v>
      </c>
      <c r="D447" s="9" t="s">
        <v>851</v>
      </c>
      <c r="E447" s="9" t="s">
        <v>891</v>
      </c>
      <c r="F447" s="11">
        <v>47422</v>
      </c>
    </row>
    <row r="448" spans="1:6" ht="27.75" customHeight="1">
      <c r="A448" s="14" t="s">
        <v>892</v>
      </c>
      <c r="B448" s="13" t="s">
        <v>850</v>
      </c>
      <c r="C448" s="10" t="s">
        <v>690</v>
      </c>
      <c r="D448" s="9" t="s">
        <v>851</v>
      </c>
      <c r="E448" s="9" t="s">
        <v>513</v>
      </c>
      <c r="F448" s="11">
        <v>47422</v>
      </c>
    </row>
    <row r="449" spans="1:6" ht="27.75" customHeight="1">
      <c r="A449" s="8" t="s">
        <v>893</v>
      </c>
      <c r="B449" s="9" t="s">
        <v>850</v>
      </c>
      <c r="C449" s="10" t="s">
        <v>690</v>
      </c>
      <c r="D449" s="9" t="s">
        <v>851</v>
      </c>
      <c r="E449" s="9" t="s">
        <v>115</v>
      </c>
      <c r="F449" s="11">
        <v>47573</v>
      </c>
    </row>
    <row r="450" spans="1:6" ht="27.75" customHeight="1">
      <c r="A450" s="23" t="s">
        <v>894</v>
      </c>
      <c r="B450" s="9" t="s">
        <v>850</v>
      </c>
      <c r="C450" s="10" t="s">
        <v>690</v>
      </c>
      <c r="D450" s="9" t="s">
        <v>851</v>
      </c>
      <c r="E450" s="24" t="s">
        <v>111</v>
      </c>
      <c r="F450" s="11">
        <v>46507</v>
      </c>
    </row>
    <row r="451" spans="1:6" ht="27.75" customHeight="1">
      <c r="A451" s="12" t="s">
        <v>895</v>
      </c>
      <c r="B451" s="13" t="s">
        <v>850</v>
      </c>
      <c r="C451" s="10" t="s">
        <v>690</v>
      </c>
      <c r="D451" s="13" t="s">
        <v>851</v>
      </c>
      <c r="E451" s="13" t="s">
        <v>44</v>
      </c>
      <c r="F451" s="11">
        <v>47422</v>
      </c>
    </row>
    <row r="452" spans="1:6" ht="27.75" customHeight="1">
      <c r="A452" s="23" t="s">
        <v>896</v>
      </c>
      <c r="B452" s="9" t="s">
        <v>850</v>
      </c>
      <c r="C452" s="10" t="s">
        <v>690</v>
      </c>
      <c r="D452" s="9" t="s">
        <v>851</v>
      </c>
      <c r="E452" s="24" t="s">
        <v>253</v>
      </c>
      <c r="F452" s="11">
        <v>47361</v>
      </c>
    </row>
    <row r="453" spans="1:6" ht="27.75" customHeight="1">
      <c r="A453" s="14" t="s">
        <v>897</v>
      </c>
      <c r="B453" s="9" t="s">
        <v>850</v>
      </c>
      <c r="C453" s="10" t="s">
        <v>690</v>
      </c>
      <c r="D453" s="9" t="s">
        <v>851</v>
      </c>
      <c r="E453" s="9" t="s">
        <v>17</v>
      </c>
      <c r="F453" s="11">
        <v>46568</v>
      </c>
    </row>
    <row r="454" spans="1:6" ht="27.75" customHeight="1">
      <c r="A454" s="14" t="s">
        <v>898</v>
      </c>
      <c r="B454" s="13" t="s">
        <v>850</v>
      </c>
      <c r="C454" s="10" t="s">
        <v>690</v>
      </c>
      <c r="D454" s="13" t="s">
        <v>851</v>
      </c>
      <c r="E454" s="9" t="s">
        <v>888</v>
      </c>
      <c r="F454" s="11">
        <v>46691</v>
      </c>
    </row>
    <row r="455" spans="1:6" ht="27.75" customHeight="1">
      <c r="A455" s="23" t="s">
        <v>899</v>
      </c>
      <c r="B455" s="9" t="s">
        <v>850</v>
      </c>
      <c r="C455" s="10" t="s">
        <v>690</v>
      </c>
      <c r="D455" s="9" t="s">
        <v>851</v>
      </c>
      <c r="E455" s="24" t="s">
        <v>900</v>
      </c>
      <c r="F455" s="11">
        <v>47422</v>
      </c>
    </row>
    <row r="456" spans="1:6" ht="27.75" customHeight="1">
      <c r="A456" s="12" t="s">
        <v>901</v>
      </c>
      <c r="B456" s="13" t="s">
        <v>850</v>
      </c>
      <c r="C456" s="10" t="s">
        <v>690</v>
      </c>
      <c r="D456" s="13" t="s">
        <v>851</v>
      </c>
      <c r="E456" s="13" t="s">
        <v>270</v>
      </c>
      <c r="F456" s="11">
        <v>47422</v>
      </c>
    </row>
    <row r="457" spans="1:6" ht="27.75" customHeight="1">
      <c r="A457" s="14" t="s">
        <v>902</v>
      </c>
      <c r="B457" s="9" t="s">
        <v>903</v>
      </c>
      <c r="C457" s="10" t="s">
        <v>690</v>
      </c>
      <c r="D457" s="9" t="s">
        <v>904</v>
      </c>
      <c r="E457" s="9" t="s">
        <v>905</v>
      </c>
      <c r="F457" s="11">
        <v>47422</v>
      </c>
    </row>
    <row r="458" spans="1:6" ht="27.75" customHeight="1">
      <c r="A458" s="12" t="s">
        <v>906</v>
      </c>
      <c r="B458" s="9" t="s">
        <v>907</v>
      </c>
      <c r="C458" s="10" t="s">
        <v>690</v>
      </c>
      <c r="D458" s="18" t="s">
        <v>908</v>
      </c>
      <c r="E458" s="18" t="s">
        <v>21</v>
      </c>
      <c r="F458" s="19">
        <v>46446</v>
      </c>
    </row>
    <row r="459" spans="1:6" ht="27.75" customHeight="1">
      <c r="A459" s="14" t="s">
        <v>909</v>
      </c>
      <c r="B459" s="9" t="s">
        <v>910</v>
      </c>
      <c r="C459" s="10" t="s">
        <v>690</v>
      </c>
      <c r="D459" s="9" t="s">
        <v>911</v>
      </c>
      <c r="E459" s="9" t="s">
        <v>35</v>
      </c>
      <c r="F459" s="11">
        <v>47208</v>
      </c>
    </row>
    <row r="460" spans="1:6" ht="27.75" customHeight="1">
      <c r="A460" s="12" t="s">
        <v>912</v>
      </c>
      <c r="B460" s="9" t="s">
        <v>910</v>
      </c>
      <c r="C460" s="10" t="s">
        <v>690</v>
      </c>
      <c r="D460" s="13" t="s">
        <v>911</v>
      </c>
      <c r="E460" s="13" t="s">
        <v>86</v>
      </c>
      <c r="F460" s="11">
        <v>47422</v>
      </c>
    </row>
    <row r="461" spans="1:6" ht="27.75" customHeight="1">
      <c r="A461" s="14" t="s">
        <v>913</v>
      </c>
      <c r="B461" s="9" t="s">
        <v>914</v>
      </c>
      <c r="C461" s="10" t="s">
        <v>690</v>
      </c>
      <c r="D461" s="9" t="s">
        <v>915</v>
      </c>
      <c r="E461" s="9" t="s">
        <v>21</v>
      </c>
      <c r="F461" s="11">
        <v>47634</v>
      </c>
    </row>
    <row r="462" spans="1:6" ht="27.75" customHeight="1">
      <c r="A462" s="14" t="s">
        <v>916</v>
      </c>
      <c r="B462" s="9" t="s">
        <v>914</v>
      </c>
      <c r="C462" s="10" t="s">
        <v>690</v>
      </c>
      <c r="D462" s="9" t="s">
        <v>917</v>
      </c>
      <c r="E462" s="9" t="s">
        <v>918</v>
      </c>
      <c r="F462" s="11">
        <v>47483</v>
      </c>
    </row>
    <row r="463" spans="1:6" ht="27.75" customHeight="1">
      <c r="A463" s="17" t="s">
        <v>919</v>
      </c>
      <c r="B463" s="9" t="s">
        <v>914</v>
      </c>
      <c r="C463" s="10" t="s">
        <v>690</v>
      </c>
      <c r="D463" s="9" t="s">
        <v>917</v>
      </c>
      <c r="E463" s="9" t="s">
        <v>920</v>
      </c>
      <c r="F463" s="11">
        <v>47726</v>
      </c>
    </row>
    <row r="464" spans="1:6" ht="27.75" customHeight="1">
      <c r="A464" s="14" t="s">
        <v>921</v>
      </c>
      <c r="B464" s="9" t="s">
        <v>922</v>
      </c>
      <c r="C464" s="10" t="s">
        <v>690</v>
      </c>
      <c r="D464" s="9" t="s">
        <v>923</v>
      </c>
      <c r="E464" s="9" t="s">
        <v>86</v>
      </c>
      <c r="F464" s="11">
        <v>47422</v>
      </c>
    </row>
    <row r="465" spans="1:6" ht="27.75" customHeight="1">
      <c r="A465" s="17" t="s">
        <v>924</v>
      </c>
      <c r="B465" s="26" t="s">
        <v>925</v>
      </c>
      <c r="C465" s="10" t="s">
        <v>690</v>
      </c>
      <c r="D465" s="9" t="s">
        <v>926</v>
      </c>
      <c r="E465" s="26" t="s">
        <v>205</v>
      </c>
      <c r="F465" s="11">
        <v>47422</v>
      </c>
    </row>
    <row r="466" spans="1:6" ht="27.75" customHeight="1">
      <c r="A466" s="12" t="s">
        <v>927</v>
      </c>
      <c r="B466" s="9" t="s">
        <v>928</v>
      </c>
      <c r="C466" s="10" t="s">
        <v>690</v>
      </c>
      <c r="D466" s="13" t="s">
        <v>929</v>
      </c>
      <c r="E466" s="13" t="s">
        <v>86</v>
      </c>
      <c r="F466" s="11">
        <v>47422</v>
      </c>
    </row>
    <row r="467" spans="1:6" ht="27.75" customHeight="1">
      <c r="A467" s="12" t="s">
        <v>930</v>
      </c>
      <c r="B467" s="9" t="s">
        <v>931</v>
      </c>
      <c r="C467" s="10" t="s">
        <v>690</v>
      </c>
      <c r="D467" s="13" t="s">
        <v>932</v>
      </c>
      <c r="E467" s="13" t="s">
        <v>11</v>
      </c>
      <c r="F467" s="11">
        <v>47573</v>
      </c>
    </row>
    <row r="468" spans="1:6" ht="27.75" customHeight="1">
      <c r="A468" s="12" t="s">
        <v>933</v>
      </c>
      <c r="B468" s="9" t="s">
        <v>934</v>
      </c>
      <c r="C468" s="10" t="s">
        <v>690</v>
      </c>
      <c r="D468" s="13" t="s">
        <v>935</v>
      </c>
      <c r="E468" s="13" t="s">
        <v>659</v>
      </c>
      <c r="F468" s="11">
        <v>47422</v>
      </c>
    </row>
    <row r="469" spans="1:6" ht="27.75" customHeight="1">
      <c r="A469" s="12" t="s">
        <v>936</v>
      </c>
      <c r="B469" s="9" t="s">
        <v>931</v>
      </c>
      <c r="C469" s="10" t="s">
        <v>690</v>
      </c>
      <c r="D469" s="13" t="s">
        <v>937</v>
      </c>
      <c r="E469" s="13" t="s">
        <v>40</v>
      </c>
      <c r="F469" s="11">
        <v>46173</v>
      </c>
    </row>
    <row r="470" spans="1:6" ht="27.75" customHeight="1">
      <c r="A470" s="14" t="s">
        <v>938</v>
      </c>
      <c r="B470" s="13" t="s">
        <v>931</v>
      </c>
      <c r="C470" s="10" t="s">
        <v>690</v>
      </c>
      <c r="D470" s="9" t="s">
        <v>937</v>
      </c>
      <c r="E470" s="9" t="s">
        <v>270</v>
      </c>
      <c r="F470" s="11">
        <v>46203</v>
      </c>
    </row>
    <row r="471" spans="1:6" ht="27.75" customHeight="1">
      <c r="A471" s="14" t="s">
        <v>939</v>
      </c>
      <c r="B471" s="24" t="s">
        <v>931</v>
      </c>
      <c r="C471" s="10" t="s">
        <v>690</v>
      </c>
      <c r="D471" s="24" t="s">
        <v>937</v>
      </c>
      <c r="E471" s="24" t="s">
        <v>44</v>
      </c>
      <c r="F471" s="11">
        <v>46630</v>
      </c>
    </row>
    <row r="472" spans="1:6" ht="27.75" customHeight="1">
      <c r="A472" s="17" t="s">
        <v>940</v>
      </c>
      <c r="B472" s="9" t="s">
        <v>931</v>
      </c>
      <c r="C472" s="10" t="s">
        <v>690</v>
      </c>
      <c r="D472" s="9" t="s">
        <v>937</v>
      </c>
      <c r="E472" s="9" t="s">
        <v>253</v>
      </c>
      <c r="F472" s="11">
        <v>47756</v>
      </c>
    </row>
    <row r="473" spans="1:6" ht="27.75" customHeight="1">
      <c r="A473" s="17" t="s">
        <v>941</v>
      </c>
      <c r="B473" s="26" t="s">
        <v>931</v>
      </c>
      <c r="C473" s="10" t="s">
        <v>690</v>
      </c>
      <c r="D473" s="9" t="s">
        <v>937</v>
      </c>
      <c r="E473" s="26" t="s">
        <v>63</v>
      </c>
      <c r="F473" s="11">
        <v>46904</v>
      </c>
    </row>
    <row r="474" spans="1:6" ht="27.75" customHeight="1">
      <c r="A474" s="12" t="s">
        <v>942</v>
      </c>
      <c r="B474" s="13" t="s">
        <v>931</v>
      </c>
      <c r="C474" s="10" t="s">
        <v>690</v>
      </c>
      <c r="D474" s="13" t="s">
        <v>937</v>
      </c>
      <c r="E474" s="13" t="s">
        <v>196</v>
      </c>
      <c r="F474" s="11">
        <v>47422</v>
      </c>
    </row>
    <row r="475" spans="1:6" ht="27.75" customHeight="1">
      <c r="A475" s="17" t="s">
        <v>943</v>
      </c>
      <c r="B475" s="9" t="s">
        <v>931</v>
      </c>
      <c r="C475" s="10" t="s">
        <v>690</v>
      </c>
      <c r="D475" s="9" t="s">
        <v>937</v>
      </c>
      <c r="E475" s="9" t="s">
        <v>232</v>
      </c>
      <c r="F475" s="11">
        <v>47422</v>
      </c>
    </row>
    <row r="476" spans="1:6" ht="27.75" customHeight="1">
      <c r="A476" s="12" t="s">
        <v>944</v>
      </c>
      <c r="B476" s="18" t="s">
        <v>931</v>
      </c>
      <c r="C476" s="10" t="s">
        <v>690</v>
      </c>
      <c r="D476" s="18" t="s">
        <v>937</v>
      </c>
      <c r="E476" s="18" t="s">
        <v>11</v>
      </c>
      <c r="F476" s="19">
        <v>46477</v>
      </c>
    </row>
    <row r="477" spans="1:6" ht="27.75" customHeight="1">
      <c r="A477" s="12" t="s">
        <v>945</v>
      </c>
      <c r="B477" s="13" t="s">
        <v>931</v>
      </c>
      <c r="C477" s="10" t="s">
        <v>690</v>
      </c>
      <c r="D477" s="13" t="s">
        <v>937</v>
      </c>
      <c r="E477" s="13" t="s">
        <v>196</v>
      </c>
      <c r="F477" s="11">
        <v>46873</v>
      </c>
    </row>
    <row r="478" spans="1:6" ht="27.75" customHeight="1">
      <c r="A478" s="14" t="s">
        <v>946</v>
      </c>
      <c r="B478" s="9" t="s">
        <v>931</v>
      </c>
      <c r="C478" s="10" t="s">
        <v>690</v>
      </c>
      <c r="D478" s="9" t="s">
        <v>937</v>
      </c>
      <c r="E478" s="9" t="s">
        <v>44</v>
      </c>
      <c r="F478" s="11">
        <v>47603</v>
      </c>
    </row>
    <row r="479" spans="1:6" ht="27.75" customHeight="1">
      <c r="A479" s="23" t="s">
        <v>947</v>
      </c>
      <c r="B479" s="9" t="s">
        <v>931</v>
      </c>
      <c r="C479" s="10" t="s">
        <v>690</v>
      </c>
      <c r="D479" s="9" t="s">
        <v>937</v>
      </c>
      <c r="E479" s="24" t="s">
        <v>63</v>
      </c>
      <c r="F479" s="11">
        <v>47422</v>
      </c>
    </row>
    <row r="480" spans="1:6" ht="27.75" customHeight="1">
      <c r="A480" s="14" t="s">
        <v>948</v>
      </c>
      <c r="B480" s="9" t="s">
        <v>931</v>
      </c>
      <c r="C480" s="10" t="s">
        <v>690</v>
      </c>
      <c r="D480" s="9" t="s">
        <v>937</v>
      </c>
      <c r="E480" s="9" t="s">
        <v>949</v>
      </c>
      <c r="F480" s="11">
        <v>47269</v>
      </c>
    </row>
    <row r="481" spans="1:6" ht="27.75" customHeight="1">
      <c r="A481" s="23" t="s">
        <v>950</v>
      </c>
      <c r="B481" s="9" t="s">
        <v>931</v>
      </c>
      <c r="C481" s="10" t="s">
        <v>690</v>
      </c>
      <c r="D481" s="9" t="s">
        <v>937</v>
      </c>
      <c r="E481" s="24" t="s">
        <v>40</v>
      </c>
      <c r="F481" s="11">
        <v>47422</v>
      </c>
    </row>
    <row r="482" spans="1:6" ht="27.75" customHeight="1">
      <c r="A482" s="12" t="s">
        <v>951</v>
      </c>
      <c r="B482" s="13" t="s">
        <v>931</v>
      </c>
      <c r="C482" s="10" t="s">
        <v>690</v>
      </c>
      <c r="D482" s="13" t="s">
        <v>937</v>
      </c>
      <c r="E482" s="13" t="s">
        <v>11</v>
      </c>
      <c r="F482" s="11">
        <v>46568</v>
      </c>
    </row>
    <row r="483" spans="1:6" ht="27.75" customHeight="1">
      <c r="A483" s="12" t="s">
        <v>952</v>
      </c>
      <c r="B483" s="13" t="s">
        <v>931</v>
      </c>
      <c r="C483" s="10" t="s">
        <v>690</v>
      </c>
      <c r="D483" s="13" t="s">
        <v>937</v>
      </c>
      <c r="E483" s="13" t="s">
        <v>44</v>
      </c>
      <c r="F483" s="11">
        <v>47422</v>
      </c>
    </row>
    <row r="484" spans="1:6" ht="27.75" customHeight="1">
      <c r="A484" s="17" t="s">
        <v>953</v>
      </c>
      <c r="B484" s="9" t="s">
        <v>931</v>
      </c>
      <c r="C484" s="10" t="s">
        <v>690</v>
      </c>
      <c r="D484" s="9" t="s">
        <v>937</v>
      </c>
      <c r="E484" s="9" t="s">
        <v>11</v>
      </c>
      <c r="F484" s="11">
        <v>47422</v>
      </c>
    </row>
    <row r="485" spans="1:6" ht="27.75" customHeight="1">
      <c r="A485" s="12" t="s">
        <v>954</v>
      </c>
      <c r="B485" s="13" t="s">
        <v>931</v>
      </c>
      <c r="C485" s="10" t="s">
        <v>690</v>
      </c>
      <c r="D485" s="13" t="s">
        <v>937</v>
      </c>
      <c r="E485" s="13" t="s">
        <v>274</v>
      </c>
      <c r="F485" s="11">
        <v>46538</v>
      </c>
    </row>
    <row r="486" spans="1:6" ht="27.75" customHeight="1">
      <c r="A486" s="17" t="s">
        <v>955</v>
      </c>
      <c r="B486" s="9" t="s">
        <v>931</v>
      </c>
      <c r="C486" s="10" t="s">
        <v>690</v>
      </c>
      <c r="D486" s="9" t="s">
        <v>937</v>
      </c>
      <c r="E486" s="26" t="s">
        <v>274</v>
      </c>
      <c r="F486" s="11">
        <v>46812</v>
      </c>
    </row>
    <row r="487" spans="1:6" ht="27.75" customHeight="1">
      <c r="A487" s="8" t="s">
        <v>956</v>
      </c>
      <c r="B487" s="9" t="s">
        <v>931</v>
      </c>
      <c r="C487" s="10" t="s">
        <v>690</v>
      </c>
      <c r="D487" s="9" t="s">
        <v>937</v>
      </c>
      <c r="E487" s="13" t="s">
        <v>25</v>
      </c>
      <c r="F487" s="11">
        <v>46599</v>
      </c>
    </row>
    <row r="488" spans="1:6" ht="27.75" customHeight="1">
      <c r="A488" s="14" t="s">
        <v>957</v>
      </c>
      <c r="B488" s="9" t="s">
        <v>931</v>
      </c>
      <c r="C488" s="10" t="s">
        <v>690</v>
      </c>
      <c r="D488" s="9" t="s">
        <v>937</v>
      </c>
      <c r="E488" s="9" t="s">
        <v>17</v>
      </c>
      <c r="F488" s="11">
        <v>47452</v>
      </c>
    </row>
    <row r="489" spans="1:6" ht="27.75" customHeight="1">
      <c r="A489" s="12" t="s">
        <v>958</v>
      </c>
      <c r="B489" s="13" t="s">
        <v>931</v>
      </c>
      <c r="C489" s="10" t="s">
        <v>690</v>
      </c>
      <c r="D489" s="13" t="s">
        <v>937</v>
      </c>
      <c r="E489" s="13" t="s">
        <v>25</v>
      </c>
      <c r="F489" s="11">
        <v>47299</v>
      </c>
    </row>
    <row r="490" spans="1:6" ht="27.75" customHeight="1">
      <c r="A490" s="14" t="s">
        <v>959</v>
      </c>
      <c r="B490" s="26" t="s">
        <v>931</v>
      </c>
      <c r="C490" s="10" t="s">
        <v>690</v>
      </c>
      <c r="D490" s="9" t="s">
        <v>937</v>
      </c>
      <c r="E490" s="9" t="s">
        <v>253</v>
      </c>
      <c r="F490" s="11">
        <v>46477</v>
      </c>
    </row>
    <row r="491" spans="1:6" ht="27.75" customHeight="1">
      <c r="A491" s="12" t="s">
        <v>960</v>
      </c>
      <c r="B491" s="13" t="s">
        <v>931</v>
      </c>
      <c r="C491" s="10" t="s">
        <v>690</v>
      </c>
      <c r="D491" s="13" t="s">
        <v>937</v>
      </c>
      <c r="E491" s="13" t="s">
        <v>25</v>
      </c>
      <c r="F491" s="11">
        <v>46507</v>
      </c>
    </row>
    <row r="492" spans="1:6" ht="27.75" customHeight="1">
      <c r="A492" s="12" t="s">
        <v>961</v>
      </c>
      <c r="B492" s="13" t="s">
        <v>931</v>
      </c>
      <c r="C492" s="10" t="s">
        <v>690</v>
      </c>
      <c r="D492" s="13" t="s">
        <v>937</v>
      </c>
      <c r="E492" s="13" t="s">
        <v>21</v>
      </c>
      <c r="F492" s="11">
        <v>46691</v>
      </c>
    </row>
    <row r="493" spans="1:6" ht="27.75" customHeight="1">
      <c r="A493" s="12" t="s">
        <v>962</v>
      </c>
      <c r="B493" s="13" t="s">
        <v>931</v>
      </c>
      <c r="C493" s="10" t="s">
        <v>690</v>
      </c>
      <c r="D493" s="13" t="s">
        <v>937</v>
      </c>
      <c r="E493" s="13" t="s">
        <v>196</v>
      </c>
      <c r="F493" s="11">
        <v>46873</v>
      </c>
    </row>
    <row r="494" spans="1:6" ht="27.75" customHeight="1">
      <c r="A494" s="20" t="s">
        <v>963</v>
      </c>
      <c r="B494" s="13" t="s">
        <v>931</v>
      </c>
      <c r="C494" s="10" t="s">
        <v>690</v>
      </c>
      <c r="D494" s="13" t="s">
        <v>937</v>
      </c>
      <c r="E494" s="13" t="s">
        <v>63</v>
      </c>
      <c r="F494" s="11">
        <v>46203</v>
      </c>
    </row>
    <row r="495" spans="1:6" ht="27.75" customHeight="1">
      <c r="A495" s="14" t="s">
        <v>964</v>
      </c>
      <c r="B495" s="9" t="s">
        <v>931</v>
      </c>
      <c r="C495" s="10" t="s">
        <v>690</v>
      </c>
      <c r="D495" s="9" t="s">
        <v>937</v>
      </c>
      <c r="E495" s="9" t="s">
        <v>111</v>
      </c>
      <c r="F495" s="11">
        <v>46477</v>
      </c>
    </row>
    <row r="496" spans="1:6" ht="27.75" customHeight="1">
      <c r="A496" s="23" t="s">
        <v>965</v>
      </c>
      <c r="B496" s="24" t="s">
        <v>931</v>
      </c>
      <c r="C496" s="10" t="s">
        <v>690</v>
      </c>
      <c r="D496" s="9" t="s">
        <v>937</v>
      </c>
      <c r="E496" s="24" t="s">
        <v>393</v>
      </c>
      <c r="F496" s="11">
        <v>46843</v>
      </c>
    </row>
    <row r="497" spans="1:6" ht="27.75" customHeight="1">
      <c r="A497" s="12" t="s">
        <v>966</v>
      </c>
      <c r="B497" s="13" t="s">
        <v>931</v>
      </c>
      <c r="C497" s="10" t="s">
        <v>690</v>
      </c>
      <c r="D497" s="13" t="s">
        <v>937</v>
      </c>
      <c r="E497" s="13" t="s">
        <v>234</v>
      </c>
      <c r="F497" s="11">
        <v>47542</v>
      </c>
    </row>
    <row r="498" spans="1:6" ht="27.75" customHeight="1">
      <c r="A498" s="12" t="s">
        <v>967</v>
      </c>
      <c r="B498" s="13" t="s">
        <v>931</v>
      </c>
      <c r="C498" s="10" t="s">
        <v>690</v>
      </c>
      <c r="D498" s="13" t="s">
        <v>937</v>
      </c>
      <c r="E498" s="13" t="s">
        <v>393</v>
      </c>
      <c r="F498" s="11">
        <v>46538</v>
      </c>
    </row>
    <row r="499" spans="1:6" ht="27.75" customHeight="1">
      <c r="A499" s="17" t="s">
        <v>968</v>
      </c>
      <c r="B499" s="9" t="s">
        <v>969</v>
      </c>
      <c r="C499" s="10" t="s">
        <v>690</v>
      </c>
      <c r="D499" s="9" t="s">
        <v>937</v>
      </c>
      <c r="E499" s="9" t="s">
        <v>21</v>
      </c>
      <c r="F499" s="11">
        <v>47208</v>
      </c>
    </row>
    <row r="500" spans="1:6" ht="27.75" customHeight="1">
      <c r="A500" s="23" t="s">
        <v>970</v>
      </c>
      <c r="B500" s="9" t="s">
        <v>969</v>
      </c>
      <c r="C500" s="10" t="s">
        <v>690</v>
      </c>
      <c r="D500" s="9" t="s">
        <v>937</v>
      </c>
      <c r="E500" s="24" t="s">
        <v>949</v>
      </c>
      <c r="F500" s="11">
        <v>47299</v>
      </c>
    </row>
    <row r="501" spans="1:6" ht="27.75" customHeight="1">
      <c r="A501" s="20" t="s">
        <v>971</v>
      </c>
      <c r="B501" s="13" t="s">
        <v>969</v>
      </c>
      <c r="C501" s="10" t="s">
        <v>690</v>
      </c>
      <c r="D501" s="13" t="s">
        <v>937</v>
      </c>
      <c r="E501" s="13" t="s">
        <v>17</v>
      </c>
      <c r="F501" s="11">
        <v>47208</v>
      </c>
    </row>
    <row r="502" spans="1:6" ht="27.75" customHeight="1">
      <c r="A502" s="14" t="s">
        <v>972</v>
      </c>
      <c r="B502" s="9" t="s">
        <v>973</v>
      </c>
      <c r="C502" s="10" t="s">
        <v>690</v>
      </c>
      <c r="D502" s="9" t="s">
        <v>974</v>
      </c>
      <c r="E502" s="9" t="s">
        <v>659</v>
      </c>
      <c r="F502" s="11">
        <v>47422</v>
      </c>
    </row>
    <row r="503" spans="1:6" ht="27.75" customHeight="1">
      <c r="A503" s="12" t="s">
        <v>975</v>
      </c>
      <c r="B503" s="13" t="s">
        <v>976</v>
      </c>
      <c r="C503" s="10" t="s">
        <v>690</v>
      </c>
      <c r="D503" s="13" t="s">
        <v>977</v>
      </c>
      <c r="E503" s="13" t="s">
        <v>21</v>
      </c>
      <c r="F503" s="11">
        <v>47817</v>
      </c>
    </row>
    <row r="504" spans="1:6" ht="27.75" customHeight="1">
      <c r="A504" s="23" t="s">
        <v>978</v>
      </c>
      <c r="B504" s="26" t="s">
        <v>979</v>
      </c>
      <c r="C504" s="10" t="s">
        <v>690</v>
      </c>
      <c r="D504" s="9" t="s">
        <v>980</v>
      </c>
      <c r="E504" s="24" t="s">
        <v>17</v>
      </c>
      <c r="F504" s="11">
        <v>47422</v>
      </c>
    </row>
    <row r="505" spans="1:6" ht="27.75" customHeight="1">
      <c r="A505" s="12" t="s">
        <v>981</v>
      </c>
      <c r="B505" s="18" t="s">
        <v>982</v>
      </c>
      <c r="C505" s="10" t="s">
        <v>690</v>
      </c>
      <c r="D505" s="18" t="s">
        <v>983</v>
      </c>
      <c r="E505" s="18" t="s">
        <v>984</v>
      </c>
      <c r="F505" s="19">
        <v>47208</v>
      </c>
    </row>
    <row r="506" spans="1:6" ht="27.75" customHeight="1">
      <c r="A506" s="20" t="s">
        <v>985</v>
      </c>
      <c r="B506" s="13" t="s">
        <v>986</v>
      </c>
      <c r="C506" s="10" t="s">
        <v>690</v>
      </c>
      <c r="D506" s="9" t="s">
        <v>987</v>
      </c>
      <c r="E506" s="13" t="s">
        <v>63</v>
      </c>
      <c r="F506" s="11">
        <v>47452</v>
      </c>
    </row>
    <row r="507" spans="1:6" ht="27.75" customHeight="1">
      <c r="A507" s="14" t="s">
        <v>988</v>
      </c>
      <c r="B507" s="9" t="s">
        <v>989</v>
      </c>
      <c r="C507" s="10" t="s">
        <v>690</v>
      </c>
      <c r="D507" s="9" t="s">
        <v>990</v>
      </c>
      <c r="E507" s="9" t="s">
        <v>991</v>
      </c>
      <c r="F507" s="11">
        <v>46630</v>
      </c>
    </row>
    <row r="508" spans="1:6" ht="27.75" customHeight="1">
      <c r="A508" s="15" t="s">
        <v>992</v>
      </c>
      <c r="B508" s="9" t="s">
        <v>993</v>
      </c>
      <c r="C508" s="10" t="s">
        <v>690</v>
      </c>
      <c r="D508" s="9" t="s">
        <v>994</v>
      </c>
      <c r="E508" s="13" t="s">
        <v>205</v>
      </c>
      <c r="F508" s="11">
        <v>47422</v>
      </c>
    </row>
    <row r="509" spans="1:6" ht="27.75" customHeight="1">
      <c r="A509" s="15" t="s">
        <v>995</v>
      </c>
      <c r="B509" s="13" t="s">
        <v>996</v>
      </c>
      <c r="C509" s="10" t="s">
        <v>690</v>
      </c>
      <c r="D509" s="9" t="s">
        <v>997</v>
      </c>
      <c r="E509" s="13" t="s">
        <v>224</v>
      </c>
      <c r="F509" s="11">
        <v>47483</v>
      </c>
    </row>
    <row r="510" spans="1:6" ht="27.75" customHeight="1">
      <c r="A510" s="14" t="s">
        <v>998</v>
      </c>
      <c r="B510" s="9" t="s">
        <v>999</v>
      </c>
      <c r="C510" s="10" t="s">
        <v>690</v>
      </c>
      <c r="D510" s="9" t="s">
        <v>1000</v>
      </c>
      <c r="E510" s="9" t="s">
        <v>25</v>
      </c>
      <c r="F510" s="11">
        <v>47208</v>
      </c>
    </row>
    <row r="511" spans="1:6" ht="27.75" customHeight="1">
      <c r="A511" s="12" t="s">
        <v>1001</v>
      </c>
      <c r="B511" s="13" t="s">
        <v>1002</v>
      </c>
      <c r="C511" s="10" t="s">
        <v>690</v>
      </c>
      <c r="D511" s="13" t="s">
        <v>1003</v>
      </c>
      <c r="E511" s="13" t="s">
        <v>17</v>
      </c>
      <c r="F511" s="11">
        <v>47057</v>
      </c>
    </row>
    <row r="512" spans="1:6" ht="27.75" customHeight="1">
      <c r="A512" s="14" t="s">
        <v>1004</v>
      </c>
      <c r="B512" s="9" t="s">
        <v>1005</v>
      </c>
      <c r="C512" s="10" t="s">
        <v>690</v>
      </c>
      <c r="D512" s="9" t="s">
        <v>1006</v>
      </c>
      <c r="E512" s="47" t="s">
        <v>1007</v>
      </c>
      <c r="F512" s="11">
        <v>47208</v>
      </c>
    </row>
    <row r="513" spans="1:6" ht="27.75" customHeight="1">
      <c r="A513" s="14" t="s">
        <v>1008</v>
      </c>
      <c r="B513" s="13" t="s">
        <v>1009</v>
      </c>
      <c r="C513" s="10" t="s">
        <v>690</v>
      </c>
      <c r="D513" s="9" t="s">
        <v>1010</v>
      </c>
      <c r="E513" s="9" t="s">
        <v>196</v>
      </c>
      <c r="F513" s="11">
        <v>47422</v>
      </c>
    </row>
    <row r="514" spans="1:6" ht="27.75" customHeight="1">
      <c r="A514" s="14" t="s">
        <v>1011</v>
      </c>
      <c r="B514" s="9" t="s">
        <v>1009</v>
      </c>
      <c r="C514" s="10" t="s">
        <v>690</v>
      </c>
      <c r="D514" s="9" t="s">
        <v>1010</v>
      </c>
      <c r="E514" s="9" t="s">
        <v>266</v>
      </c>
      <c r="F514" s="11">
        <v>47422</v>
      </c>
    </row>
    <row r="515" spans="1:6" ht="27.75" customHeight="1">
      <c r="A515" s="12" t="s">
        <v>1012</v>
      </c>
      <c r="B515" s="13" t="s">
        <v>1013</v>
      </c>
      <c r="C515" s="10" t="s">
        <v>690</v>
      </c>
      <c r="D515" s="13" t="s">
        <v>1014</v>
      </c>
      <c r="E515" s="13" t="s">
        <v>17</v>
      </c>
      <c r="F515" s="11">
        <v>47422</v>
      </c>
    </row>
    <row r="516" spans="1:6" ht="27.75" customHeight="1">
      <c r="A516" s="14" t="s">
        <v>1015</v>
      </c>
      <c r="B516" s="13" t="s">
        <v>1016</v>
      </c>
      <c r="C516" s="10" t="s">
        <v>690</v>
      </c>
      <c r="D516" s="13" t="s">
        <v>1017</v>
      </c>
      <c r="E516" s="13" t="s">
        <v>17</v>
      </c>
      <c r="F516" s="11">
        <v>47422</v>
      </c>
    </row>
    <row r="517" spans="1:6" ht="27.75" customHeight="1">
      <c r="A517" s="20" t="s">
        <v>1018</v>
      </c>
      <c r="B517" s="9" t="s">
        <v>1019</v>
      </c>
      <c r="C517" s="10" t="s">
        <v>690</v>
      </c>
      <c r="D517" s="13" t="s">
        <v>1020</v>
      </c>
      <c r="E517" s="13" t="s">
        <v>21</v>
      </c>
      <c r="F517" s="11">
        <v>47452</v>
      </c>
    </row>
    <row r="518" spans="1:6" ht="27.75" customHeight="1">
      <c r="A518" s="23" t="s">
        <v>1021</v>
      </c>
      <c r="B518" s="9" t="s">
        <v>1019</v>
      </c>
      <c r="C518" s="10" t="s">
        <v>690</v>
      </c>
      <c r="D518" s="9" t="s">
        <v>1020</v>
      </c>
      <c r="E518" s="46" t="s">
        <v>1022</v>
      </c>
      <c r="F518" s="11">
        <v>47573</v>
      </c>
    </row>
    <row r="519" spans="1:6" ht="27.75" customHeight="1">
      <c r="A519" s="17" t="s">
        <v>1023</v>
      </c>
      <c r="B519" s="9" t="s">
        <v>1024</v>
      </c>
      <c r="C519" s="10" t="s">
        <v>690</v>
      </c>
      <c r="D519" s="9" t="s">
        <v>1025</v>
      </c>
      <c r="E519" s="9" t="s">
        <v>21</v>
      </c>
      <c r="F519" s="11">
        <v>46904</v>
      </c>
    </row>
    <row r="520" spans="1:6" ht="27.75" customHeight="1">
      <c r="A520" s="12" t="s">
        <v>1026</v>
      </c>
      <c r="B520" s="13" t="s">
        <v>1027</v>
      </c>
      <c r="C520" s="10" t="s">
        <v>690</v>
      </c>
      <c r="D520" s="13" t="s">
        <v>1028</v>
      </c>
      <c r="E520" s="13" t="s">
        <v>11</v>
      </c>
      <c r="F520" s="11">
        <v>47422</v>
      </c>
    </row>
    <row r="521" spans="1:6" ht="27.75" customHeight="1">
      <c r="A521" s="15" t="s">
        <v>1029</v>
      </c>
      <c r="B521" s="13" t="s">
        <v>1030</v>
      </c>
      <c r="C521" s="10" t="s">
        <v>690</v>
      </c>
      <c r="D521" s="9" t="s">
        <v>1031</v>
      </c>
      <c r="E521" s="13" t="s">
        <v>40</v>
      </c>
      <c r="F521" s="11">
        <v>47452</v>
      </c>
    </row>
    <row r="522" spans="1:6" ht="27.75" customHeight="1">
      <c r="A522" s="12" t="s">
        <v>1032</v>
      </c>
      <c r="B522" s="13" t="s">
        <v>1033</v>
      </c>
      <c r="C522" s="10" t="s">
        <v>690</v>
      </c>
      <c r="D522" s="13" t="s">
        <v>1034</v>
      </c>
      <c r="E522" s="13" t="s">
        <v>17</v>
      </c>
      <c r="F522" s="11">
        <v>46568</v>
      </c>
    </row>
    <row r="523" spans="1:6" ht="27.75" customHeight="1">
      <c r="A523" s="12" t="s">
        <v>1035</v>
      </c>
      <c r="B523" s="13" t="s">
        <v>1036</v>
      </c>
      <c r="C523" s="10" t="s">
        <v>690</v>
      </c>
      <c r="D523" s="13" t="s">
        <v>1037</v>
      </c>
      <c r="E523" s="13" t="s">
        <v>17</v>
      </c>
      <c r="F523" s="11">
        <v>47299</v>
      </c>
    </row>
    <row r="524" spans="1:6" ht="27.75" customHeight="1">
      <c r="A524" s="14" t="s">
        <v>1038</v>
      </c>
      <c r="B524" s="9" t="s">
        <v>1039</v>
      </c>
      <c r="C524" s="10" t="s">
        <v>690</v>
      </c>
      <c r="D524" s="9" t="s">
        <v>1040</v>
      </c>
      <c r="E524" s="9" t="s">
        <v>369</v>
      </c>
      <c r="F524" s="11">
        <v>46934</v>
      </c>
    </row>
    <row r="525" spans="1:6" ht="27.75" customHeight="1">
      <c r="A525" s="8" t="s">
        <v>1041</v>
      </c>
      <c r="B525" s="9" t="s">
        <v>1042</v>
      </c>
      <c r="C525" s="10" t="s">
        <v>1043</v>
      </c>
      <c r="D525" s="13" t="s">
        <v>1044</v>
      </c>
      <c r="E525" s="13" t="s">
        <v>295</v>
      </c>
      <c r="F525" s="11">
        <v>47817</v>
      </c>
    </row>
    <row r="526" spans="1:6" ht="27.75" customHeight="1">
      <c r="A526" s="12" t="s">
        <v>1045</v>
      </c>
      <c r="B526" s="13" t="s">
        <v>1046</v>
      </c>
      <c r="C526" s="10" t="s">
        <v>1043</v>
      </c>
      <c r="D526" s="13" t="s">
        <v>1047</v>
      </c>
      <c r="E526" s="13" t="s">
        <v>11</v>
      </c>
      <c r="F526" s="11">
        <v>46630</v>
      </c>
    </row>
    <row r="527" spans="1:6" ht="27.75" customHeight="1">
      <c r="A527" s="14" t="s">
        <v>1048</v>
      </c>
      <c r="B527" s="9" t="s">
        <v>1046</v>
      </c>
      <c r="C527" s="10" t="s">
        <v>1043</v>
      </c>
      <c r="D527" s="9" t="s">
        <v>1047</v>
      </c>
      <c r="E527" s="9" t="s">
        <v>298</v>
      </c>
      <c r="F527" s="11">
        <v>47483</v>
      </c>
    </row>
    <row r="528" spans="1:6" ht="27.75" customHeight="1">
      <c r="A528" s="12" t="s">
        <v>1049</v>
      </c>
      <c r="B528" s="13" t="s">
        <v>1046</v>
      </c>
      <c r="C528" s="10" t="s">
        <v>1043</v>
      </c>
      <c r="D528" s="13" t="s">
        <v>1047</v>
      </c>
      <c r="E528" s="13" t="s">
        <v>115</v>
      </c>
      <c r="F528" s="11">
        <v>47483</v>
      </c>
    </row>
    <row r="529" spans="1:6" ht="27.75" customHeight="1">
      <c r="A529" s="17" t="s">
        <v>1050</v>
      </c>
      <c r="B529" s="9" t="s">
        <v>1046</v>
      </c>
      <c r="C529" s="10" t="s">
        <v>1043</v>
      </c>
      <c r="D529" s="9" t="s">
        <v>1047</v>
      </c>
      <c r="E529" s="9" t="s">
        <v>228</v>
      </c>
      <c r="F529" s="11">
        <v>47483</v>
      </c>
    </row>
    <row r="530" spans="1:6" ht="27.75" customHeight="1">
      <c r="A530" s="15" t="s">
        <v>1051</v>
      </c>
      <c r="B530" s="13" t="s">
        <v>1046</v>
      </c>
      <c r="C530" s="10" t="s">
        <v>1043</v>
      </c>
      <c r="D530" s="9" t="s">
        <v>1047</v>
      </c>
      <c r="E530" s="13" t="s">
        <v>44</v>
      </c>
      <c r="F530" s="11">
        <v>47422</v>
      </c>
    </row>
    <row r="531" spans="1:6" ht="27.75" customHeight="1">
      <c r="A531" s="15" t="s">
        <v>1052</v>
      </c>
      <c r="B531" s="13" t="s">
        <v>1046</v>
      </c>
      <c r="C531" s="10" t="s">
        <v>1043</v>
      </c>
      <c r="D531" s="9" t="s">
        <v>1047</v>
      </c>
      <c r="E531" s="13" t="s">
        <v>1053</v>
      </c>
      <c r="F531" s="11">
        <v>47938</v>
      </c>
    </row>
    <row r="532" spans="1:6" ht="27.75" customHeight="1">
      <c r="A532" s="8" t="s">
        <v>1054</v>
      </c>
      <c r="B532" s="9" t="s">
        <v>1046</v>
      </c>
      <c r="C532" s="10" t="s">
        <v>1043</v>
      </c>
      <c r="D532" s="9" t="s">
        <v>1047</v>
      </c>
      <c r="E532" s="9" t="s">
        <v>424</v>
      </c>
      <c r="F532" s="11">
        <v>47422</v>
      </c>
    </row>
    <row r="533" spans="1:6" ht="27.75" customHeight="1">
      <c r="A533" s="12" t="s">
        <v>1055</v>
      </c>
      <c r="B533" s="13" t="s">
        <v>1046</v>
      </c>
      <c r="C533" s="10" t="s">
        <v>1043</v>
      </c>
      <c r="D533" s="13" t="s">
        <v>1047</v>
      </c>
      <c r="E533" s="13" t="s">
        <v>424</v>
      </c>
      <c r="F533" s="11">
        <v>47177</v>
      </c>
    </row>
    <row r="534" spans="1:6" ht="27.75" customHeight="1">
      <c r="A534" s="23" t="s">
        <v>1056</v>
      </c>
      <c r="B534" s="9" t="s">
        <v>1046</v>
      </c>
      <c r="C534" s="10" t="s">
        <v>1043</v>
      </c>
      <c r="D534" s="9" t="s">
        <v>1047</v>
      </c>
      <c r="E534" s="24" t="s">
        <v>393</v>
      </c>
      <c r="F534" s="11">
        <v>46721</v>
      </c>
    </row>
    <row r="535" spans="1:6" ht="27.75" customHeight="1">
      <c r="A535" s="12" t="s">
        <v>1057</v>
      </c>
      <c r="B535" s="13" t="s">
        <v>1046</v>
      </c>
      <c r="C535" s="10" t="s">
        <v>1043</v>
      </c>
      <c r="D535" s="13" t="s">
        <v>1047</v>
      </c>
      <c r="E535" s="13" t="s">
        <v>1058</v>
      </c>
      <c r="F535" s="11">
        <v>46721</v>
      </c>
    </row>
    <row r="536" spans="1:6" ht="27.75" customHeight="1">
      <c r="A536" s="14" t="s">
        <v>1059</v>
      </c>
      <c r="B536" s="9" t="s">
        <v>1046</v>
      </c>
      <c r="C536" s="10" t="s">
        <v>1043</v>
      </c>
      <c r="D536" s="9" t="s">
        <v>1047</v>
      </c>
      <c r="E536" s="9" t="s">
        <v>44</v>
      </c>
      <c r="F536" s="11">
        <v>47634</v>
      </c>
    </row>
    <row r="537" spans="1:6" ht="27.75" customHeight="1">
      <c r="A537" s="12" t="s">
        <v>1060</v>
      </c>
      <c r="B537" s="13" t="s">
        <v>1046</v>
      </c>
      <c r="C537" s="10" t="s">
        <v>1043</v>
      </c>
      <c r="D537" s="9" t="s">
        <v>1047</v>
      </c>
      <c r="E537" s="13" t="s">
        <v>44</v>
      </c>
      <c r="F537" s="11">
        <v>46173</v>
      </c>
    </row>
    <row r="538" spans="1:6" ht="27.75" customHeight="1">
      <c r="A538" s="12" t="s">
        <v>1061</v>
      </c>
      <c r="B538" s="13" t="s">
        <v>1046</v>
      </c>
      <c r="C538" s="10" t="s">
        <v>1043</v>
      </c>
      <c r="D538" s="13" t="s">
        <v>1047</v>
      </c>
      <c r="E538" s="13" t="s">
        <v>44</v>
      </c>
      <c r="F538" s="11">
        <v>47603</v>
      </c>
    </row>
    <row r="539" spans="1:6" ht="27.75" customHeight="1">
      <c r="A539" s="12" t="s">
        <v>1062</v>
      </c>
      <c r="B539" s="13" t="s">
        <v>1046</v>
      </c>
      <c r="C539" s="10" t="s">
        <v>1043</v>
      </c>
      <c r="D539" s="13" t="s">
        <v>1047</v>
      </c>
      <c r="E539" s="13" t="s">
        <v>398</v>
      </c>
      <c r="F539" s="11">
        <v>47634</v>
      </c>
    </row>
    <row r="540" spans="1:6" ht="27.75" customHeight="1">
      <c r="A540" s="12" t="s">
        <v>1063</v>
      </c>
      <c r="B540" s="13" t="s">
        <v>1046</v>
      </c>
      <c r="C540" s="10" t="s">
        <v>1043</v>
      </c>
      <c r="D540" s="13" t="s">
        <v>1047</v>
      </c>
      <c r="E540" s="13" t="s">
        <v>44</v>
      </c>
      <c r="F540" s="11">
        <v>47269</v>
      </c>
    </row>
    <row r="541" spans="1:6" ht="27.75" customHeight="1">
      <c r="A541" s="14" t="s">
        <v>1064</v>
      </c>
      <c r="B541" s="9" t="s">
        <v>1046</v>
      </c>
      <c r="C541" s="10" t="s">
        <v>1043</v>
      </c>
      <c r="D541" s="9" t="s">
        <v>1047</v>
      </c>
      <c r="E541" s="9" t="s">
        <v>424</v>
      </c>
      <c r="F541" s="11">
        <v>46660</v>
      </c>
    </row>
    <row r="542" spans="1:6" ht="27.75" customHeight="1">
      <c r="A542" s="15" t="s">
        <v>1065</v>
      </c>
      <c r="B542" s="13" t="s">
        <v>1046</v>
      </c>
      <c r="C542" s="10" t="s">
        <v>1043</v>
      </c>
      <c r="D542" s="9" t="s">
        <v>1047</v>
      </c>
      <c r="E542" s="13" t="s">
        <v>823</v>
      </c>
      <c r="F542" s="11">
        <v>47483</v>
      </c>
    </row>
    <row r="543" spans="1:6" ht="27.75" customHeight="1">
      <c r="A543" s="14" t="s">
        <v>1066</v>
      </c>
      <c r="B543" s="9" t="s">
        <v>1046</v>
      </c>
      <c r="C543" s="10" t="s">
        <v>1043</v>
      </c>
      <c r="D543" s="9" t="s">
        <v>1047</v>
      </c>
      <c r="E543" s="9" t="s">
        <v>253</v>
      </c>
      <c r="F543" s="11">
        <v>46965</v>
      </c>
    </row>
    <row r="544" spans="1:6" ht="27.75" customHeight="1">
      <c r="A544" s="17" t="s">
        <v>1067</v>
      </c>
      <c r="B544" s="9" t="s">
        <v>1046</v>
      </c>
      <c r="C544" s="10" t="s">
        <v>1043</v>
      </c>
      <c r="D544" s="9" t="s">
        <v>1047</v>
      </c>
      <c r="E544" s="9" t="s">
        <v>115</v>
      </c>
      <c r="F544" s="11">
        <v>47634</v>
      </c>
    </row>
    <row r="545" spans="1:6" ht="27.75" customHeight="1">
      <c r="A545" s="20" t="s">
        <v>1068</v>
      </c>
      <c r="B545" s="9" t="s">
        <v>1046</v>
      </c>
      <c r="C545" s="10" t="s">
        <v>1043</v>
      </c>
      <c r="D545" s="9" t="s">
        <v>1047</v>
      </c>
      <c r="E545" s="9" t="s">
        <v>44</v>
      </c>
      <c r="F545" s="11">
        <v>47118</v>
      </c>
    </row>
    <row r="546" spans="1:6" ht="27.75" customHeight="1">
      <c r="A546" s="17" t="s">
        <v>1069</v>
      </c>
      <c r="B546" s="9" t="s">
        <v>1046</v>
      </c>
      <c r="C546" s="10" t="s">
        <v>1043</v>
      </c>
      <c r="D546" s="9" t="s">
        <v>1047</v>
      </c>
      <c r="E546" s="9" t="s">
        <v>253</v>
      </c>
      <c r="F546" s="11">
        <v>47756</v>
      </c>
    </row>
    <row r="547" spans="1:6" ht="27.75" customHeight="1">
      <c r="A547" s="15" t="s">
        <v>1070</v>
      </c>
      <c r="B547" s="13" t="s">
        <v>1046</v>
      </c>
      <c r="C547" s="10" t="s">
        <v>1043</v>
      </c>
      <c r="D547" s="9" t="s">
        <v>1047</v>
      </c>
      <c r="E547" s="13" t="s">
        <v>115</v>
      </c>
      <c r="F547" s="11">
        <v>47664</v>
      </c>
    </row>
    <row r="548" spans="1:6" ht="27.75" customHeight="1">
      <c r="A548" s="14" t="s">
        <v>1071</v>
      </c>
      <c r="B548" s="9" t="s">
        <v>1046</v>
      </c>
      <c r="C548" s="10" t="s">
        <v>1043</v>
      </c>
      <c r="D548" s="9" t="s">
        <v>1047</v>
      </c>
      <c r="E548" s="9" t="s">
        <v>196</v>
      </c>
      <c r="F548" s="11">
        <v>47483</v>
      </c>
    </row>
    <row r="549" spans="1:6" ht="27.75" customHeight="1">
      <c r="A549" s="14" t="s">
        <v>1072</v>
      </c>
      <c r="B549" s="9" t="s">
        <v>1046</v>
      </c>
      <c r="C549" s="10" t="s">
        <v>1043</v>
      </c>
      <c r="D549" s="9" t="s">
        <v>1047</v>
      </c>
      <c r="E549" s="9" t="s">
        <v>1073</v>
      </c>
      <c r="F549" s="11">
        <v>47057</v>
      </c>
    </row>
    <row r="550" spans="1:6" ht="27.75" customHeight="1">
      <c r="A550" s="12" t="s">
        <v>1074</v>
      </c>
      <c r="B550" s="18" t="s">
        <v>1046</v>
      </c>
      <c r="C550" s="10" t="s">
        <v>1043</v>
      </c>
      <c r="D550" s="18" t="s">
        <v>1047</v>
      </c>
      <c r="E550" s="18" t="s">
        <v>1075</v>
      </c>
      <c r="F550" s="19">
        <v>47756</v>
      </c>
    </row>
    <row r="551" spans="1:6" ht="27.75" customHeight="1">
      <c r="A551" s="14" t="s">
        <v>1076</v>
      </c>
      <c r="B551" s="9" t="s">
        <v>1046</v>
      </c>
      <c r="C551" s="10" t="s">
        <v>1043</v>
      </c>
      <c r="D551" s="9" t="s">
        <v>1047</v>
      </c>
      <c r="E551" s="9" t="s">
        <v>44</v>
      </c>
      <c r="F551" s="11">
        <v>47422</v>
      </c>
    </row>
    <row r="552" spans="1:6" ht="27.75" customHeight="1">
      <c r="A552" s="12" t="s">
        <v>1077</v>
      </c>
      <c r="B552" s="13" t="s">
        <v>1046</v>
      </c>
      <c r="C552" s="10" t="s">
        <v>1043</v>
      </c>
      <c r="D552" s="13" t="s">
        <v>1047</v>
      </c>
      <c r="E552" s="13" t="s">
        <v>115</v>
      </c>
      <c r="F552" s="11">
        <v>47483</v>
      </c>
    </row>
    <row r="553" spans="1:6" ht="27.75" customHeight="1">
      <c r="A553" s="8" t="s">
        <v>1078</v>
      </c>
      <c r="B553" s="13" t="s">
        <v>1046</v>
      </c>
      <c r="C553" s="10" t="s">
        <v>1043</v>
      </c>
      <c r="D553" s="13" t="s">
        <v>1047</v>
      </c>
      <c r="E553" s="13" t="s">
        <v>44</v>
      </c>
      <c r="F553" s="11">
        <v>46477</v>
      </c>
    </row>
    <row r="554" spans="1:6" ht="27.75" customHeight="1">
      <c r="A554" s="17" t="s">
        <v>1079</v>
      </c>
      <c r="B554" s="9" t="s">
        <v>1046</v>
      </c>
      <c r="C554" s="10" t="s">
        <v>1043</v>
      </c>
      <c r="D554" s="9" t="s">
        <v>1047</v>
      </c>
      <c r="E554" s="9" t="s">
        <v>111</v>
      </c>
      <c r="F554" s="11">
        <v>47269</v>
      </c>
    </row>
    <row r="555" spans="1:6" ht="27.75" customHeight="1">
      <c r="A555" s="20" t="s">
        <v>1080</v>
      </c>
      <c r="B555" s="13" t="s">
        <v>1046</v>
      </c>
      <c r="C555" s="10" t="s">
        <v>1043</v>
      </c>
      <c r="D555" s="27" t="s">
        <v>1047</v>
      </c>
      <c r="E555" s="13" t="s">
        <v>284</v>
      </c>
      <c r="F555" s="11">
        <v>46568</v>
      </c>
    </row>
    <row r="556" spans="1:6" ht="27.75" customHeight="1">
      <c r="A556" s="15" t="s">
        <v>1081</v>
      </c>
      <c r="B556" s="13" t="s">
        <v>1046</v>
      </c>
      <c r="C556" s="10" t="s">
        <v>1043</v>
      </c>
      <c r="D556" s="9" t="s">
        <v>1047</v>
      </c>
      <c r="E556" s="13" t="s">
        <v>132</v>
      </c>
      <c r="F556" s="11">
        <v>47483</v>
      </c>
    </row>
    <row r="557" spans="1:6" ht="27.75" customHeight="1">
      <c r="A557" s="17" t="s">
        <v>1082</v>
      </c>
      <c r="B557" s="9" t="s">
        <v>1046</v>
      </c>
      <c r="C557" s="10" t="s">
        <v>1043</v>
      </c>
      <c r="D557" s="9" t="s">
        <v>1047</v>
      </c>
      <c r="E557" s="9" t="s">
        <v>115</v>
      </c>
      <c r="F557" s="11">
        <v>47634</v>
      </c>
    </row>
    <row r="558" spans="1:6" ht="27.75" customHeight="1">
      <c r="A558" s="8" t="s">
        <v>1083</v>
      </c>
      <c r="B558" s="18" t="s">
        <v>1046</v>
      </c>
      <c r="C558" s="10" t="s">
        <v>1043</v>
      </c>
      <c r="D558" s="18" t="s">
        <v>1047</v>
      </c>
      <c r="E558" s="18" t="s">
        <v>393</v>
      </c>
      <c r="F558" s="19">
        <v>46630</v>
      </c>
    </row>
    <row r="559" spans="1:6" ht="27.75" customHeight="1">
      <c r="A559" s="8" t="s">
        <v>1084</v>
      </c>
      <c r="B559" s="9" t="s">
        <v>1046</v>
      </c>
      <c r="C559" s="10" t="s">
        <v>1043</v>
      </c>
      <c r="D559" s="9" t="s">
        <v>1047</v>
      </c>
      <c r="E559" s="9" t="s">
        <v>1085</v>
      </c>
      <c r="F559" s="11">
        <v>47483</v>
      </c>
    </row>
    <row r="560" spans="1:6" ht="27.75" customHeight="1">
      <c r="A560" s="17" t="s">
        <v>1086</v>
      </c>
      <c r="B560" s="9" t="s">
        <v>1046</v>
      </c>
      <c r="C560" s="10" t="s">
        <v>1043</v>
      </c>
      <c r="D560" s="9" t="s">
        <v>1047</v>
      </c>
      <c r="E560" s="9" t="s">
        <v>1085</v>
      </c>
      <c r="F560" s="11">
        <v>47542</v>
      </c>
    </row>
    <row r="561" spans="1:6" ht="27.75" customHeight="1">
      <c r="A561" s="8" t="s">
        <v>1087</v>
      </c>
      <c r="B561" s="9" t="s">
        <v>1046</v>
      </c>
      <c r="C561" s="10" t="s">
        <v>1043</v>
      </c>
      <c r="D561" s="9" t="s">
        <v>1047</v>
      </c>
      <c r="E561" s="9" t="s">
        <v>44</v>
      </c>
      <c r="F561" s="11">
        <v>46721</v>
      </c>
    </row>
    <row r="562" spans="1:6" ht="27.75" customHeight="1">
      <c r="A562" s="23" t="s">
        <v>1088</v>
      </c>
      <c r="B562" s="24" t="s">
        <v>1046</v>
      </c>
      <c r="C562" s="10" t="s">
        <v>1043</v>
      </c>
      <c r="D562" s="9" t="s">
        <v>1047</v>
      </c>
      <c r="E562" s="24" t="s">
        <v>1085</v>
      </c>
      <c r="F562" s="11">
        <v>47879</v>
      </c>
    </row>
    <row r="563" spans="1:6" ht="27.75" customHeight="1">
      <c r="A563" s="14" t="s">
        <v>1089</v>
      </c>
      <c r="B563" s="9" t="s">
        <v>1046</v>
      </c>
      <c r="C563" s="10" t="s">
        <v>1043</v>
      </c>
      <c r="D563" s="9" t="s">
        <v>1047</v>
      </c>
      <c r="E563" s="9" t="s">
        <v>253</v>
      </c>
      <c r="F563" s="11">
        <v>47483</v>
      </c>
    </row>
    <row r="564" spans="1:6" ht="27.75" customHeight="1">
      <c r="A564" s="12" t="s">
        <v>1090</v>
      </c>
      <c r="B564" s="13" t="s">
        <v>1046</v>
      </c>
      <c r="C564" s="10" t="s">
        <v>1043</v>
      </c>
      <c r="D564" s="13" t="s">
        <v>1047</v>
      </c>
      <c r="E564" s="13" t="s">
        <v>44</v>
      </c>
      <c r="F564" s="11">
        <v>47208</v>
      </c>
    </row>
    <row r="565" spans="1:6" ht="27.75" customHeight="1">
      <c r="A565" s="20" t="s">
        <v>1091</v>
      </c>
      <c r="B565" s="13" t="s">
        <v>1046</v>
      </c>
      <c r="C565" s="10" t="s">
        <v>1043</v>
      </c>
      <c r="D565" s="27" t="s">
        <v>1047</v>
      </c>
      <c r="E565" s="13" t="s">
        <v>823</v>
      </c>
      <c r="F565" s="11">
        <v>47483</v>
      </c>
    </row>
    <row r="566" spans="1:6" ht="27.75" customHeight="1">
      <c r="A566" s="14" t="s">
        <v>1092</v>
      </c>
      <c r="B566" s="9" t="s">
        <v>1046</v>
      </c>
      <c r="C566" s="10" t="s">
        <v>1043</v>
      </c>
      <c r="D566" s="9" t="s">
        <v>1047</v>
      </c>
      <c r="E566" s="9" t="s">
        <v>1075</v>
      </c>
      <c r="F566" s="11">
        <v>47483</v>
      </c>
    </row>
    <row r="567" spans="1:6" ht="27.75" customHeight="1">
      <c r="A567" s="17" t="s">
        <v>1093</v>
      </c>
      <c r="B567" s="9" t="s">
        <v>1046</v>
      </c>
      <c r="C567" s="10" t="s">
        <v>1043</v>
      </c>
      <c r="D567" s="9" t="s">
        <v>1047</v>
      </c>
      <c r="E567" s="9" t="s">
        <v>393</v>
      </c>
      <c r="F567" s="11">
        <v>46477</v>
      </c>
    </row>
    <row r="568" spans="1:6" ht="27.75" customHeight="1">
      <c r="A568" s="15" t="s">
        <v>1094</v>
      </c>
      <c r="B568" s="13" t="s">
        <v>1046</v>
      </c>
      <c r="C568" s="10" t="s">
        <v>1043</v>
      </c>
      <c r="D568" s="9" t="s">
        <v>1047</v>
      </c>
      <c r="E568" s="13" t="s">
        <v>44</v>
      </c>
      <c r="F568" s="11">
        <v>46812</v>
      </c>
    </row>
    <row r="569" spans="1:6" ht="27.75" customHeight="1">
      <c r="A569" s="23" t="s">
        <v>1095</v>
      </c>
      <c r="B569" s="24" t="s">
        <v>1046</v>
      </c>
      <c r="C569" s="10" t="s">
        <v>1043</v>
      </c>
      <c r="D569" s="9" t="s">
        <v>1047</v>
      </c>
      <c r="E569" s="24" t="s">
        <v>270</v>
      </c>
      <c r="F569" s="11">
        <v>47756</v>
      </c>
    </row>
    <row r="570" spans="1:6" ht="27.75" customHeight="1">
      <c r="A570" s="14" t="s">
        <v>1096</v>
      </c>
      <c r="B570" s="9" t="s">
        <v>1046</v>
      </c>
      <c r="C570" s="10" t="s">
        <v>1043</v>
      </c>
      <c r="D570" s="9" t="s">
        <v>1047</v>
      </c>
      <c r="E570" s="9" t="s">
        <v>424</v>
      </c>
      <c r="F570" s="11">
        <v>47208</v>
      </c>
    </row>
    <row r="571" spans="1:6" ht="27.75" customHeight="1">
      <c r="A571" s="12" t="s">
        <v>1097</v>
      </c>
      <c r="B571" s="13" t="s">
        <v>1046</v>
      </c>
      <c r="C571" s="10" t="s">
        <v>1043</v>
      </c>
      <c r="D571" s="9" t="s">
        <v>1047</v>
      </c>
      <c r="E571" s="13" t="s">
        <v>398</v>
      </c>
      <c r="F571" s="11">
        <v>47483</v>
      </c>
    </row>
    <row r="572" spans="1:6" ht="27.75" customHeight="1">
      <c r="A572" s="14" t="s">
        <v>1098</v>
      </c>
      <c r="B572" s="9" t="s">
        <v>1046</v>
      </c>
      <c r="C572" s="10" t="s">
        <v>1043</v>
      </c>
      <c r="D572" s="9" t="s">
        <v>1047</v>
      </c>
      <c r="E572" s="9" t="s">
        <v>63</v>
      </c>
      <c r="F572" s="11">
        <v>47483</v>
      </c>
    </row>
    <row r="573" spans="1:6" ht="27.75" customHeight="1">
      <c r="A573" s="12" t="s">
        <v>1099</v>
      </c>
      <c r="B573" s="13" t="s">
        <v>1046</v>
      </c>
      <c r="C573" s="10" t="s">
        <v>1043</v>
      </c>
      <c r="D573" s="13" t="s">
        <v>1047</v>
      </c>
      <c r="E573" s="13" t="s">
        <v>1100</v>
      </c>
      <c r="F573" s="11">
        <v>47483</v>
      </c>
    </row>
    <row r="574" spans="1:6" ht="27.75" customHeight="1">
      <c r="A574" s="12" t="s">
        <v>1101</v>
      </c>
      <c r="B574" s="13" t="s">
        <v>1046</v>
      </c>
      <c r="C574" s="10" t="s">
        <v>1043</v>
      </c>
      <c r="D574" s="13" t="s">
        <v>1047</v>
      </c>
      <c r="E574" s="13" t="s">
        <v>823</v>
      </c>
      <c r="F574" s="11">
        <v>47483</v>
      </c>
    </row>
    <row r="575" spans="1:6" ht="27.75" customHeight="1">
      <c r="A575" s="14" t="s">
        <v>1102</v>
      </c>
      <c r="B575" s="9" t="s">
        <v>1046</v>
      </c>
      <c r="C575" s="10" t="s">
        <v>1043</v>
      </c>
      <c r="D575" s="9" t="s">
        <v>1047</v>
      </c>
      <c r="E575" s="9" t="s">
        <v>1075</v>
      </c>
      <c r="F575" s="11">
        <v>47483</v>
      </c>
    </row>
    <row r="576" spans="1:6" ht="27.75" customHeight="1">
      <c r="A576" s="12" t="s">
        <v>1103</v>
      </c>
      <c r="B576" s="13" t="s">
        <v>1046</v>
      </c>
      <c r="C576" s="10" t="s">
        <v>1043</v>
      </c>
      <c r="D576" s="13" t="s">
        <v>1047</v>
      </c>
      <c r="E576" s="13" t="s">
        <v>509</v>
      </c>
      <c r="F576" s="11">
        <v>46507</v>
      </c>
    </row>
    <row r="577" spans="1:6" ht="27.75" customHeight="1">
      <c r="A577" s="14" t="s">
        <v>1104</v>
      </c>
      <c r="B577" s="9" t="s">
        <v>1046</v>
      </c>
      <c r="C577" s="10" t="s">
        <v>1043</v>
      </c>
      <c r="D577" s="9" t="s">
        <v>1047</v>
      </c>
      <c r="E577" s="9" t="s">
        <v>11</v>
      </c>
      <c r="F577" s="11">
        <v>47483</v>
      </c>
    </row>
    <row r="578" spans="1:6" ht="27.75" customHeight="1">
      <c r="A578" s="8" t="s">
        <v>1105</v>
      </c>
      <c r="B578" s="9" t="s">
        <v>1046</v>
      </c>
      <c r="C578" s="10" t="s">
        <v>1043</v>
      </c>
      <c r="D578" s="9" t="s">
        <v>1047</v>
      </c>
      <c r="E578" s="9" t="s">
        <v>115</v>
      </c>
      <c r="F578" s="11">
        <v>47483</v>
      </c>
    </row>
    <row r="579" spans="1:6" ht="27.75" customHeight="1">
      <c r="A579" s="12" t="s">
        <v>1106</v>
      </c>
      <c r="B579" s="13" t="s">
        <v>1046</v>
      </c>
      <c r="C579" s="10" t="s">
        <v>1043</v>
      </c>
      <c r="D579" s="13" t="s">
        <v>1047</v>
      </c>
      <c r="E579" s="13" t="s">
        <v>63</v>
      </c>
      <c r="F579" s="11">
        <v>47483</v>
      </c>
    </row>
    <row r="580" spans="1:6" ht="27.75" customHeight="1">
      <c r="A580" s="15" t="s">
        <v>1107</v>
      </c>
      <c r="B580" s="13" t="s">
        <v>1046</v>
      </c>
      <c r="C580" s="10" t="s">
        <v>1043</v>
      </c>
      <c r="D580" s="9" t="s">
        <v>1047</v>
      </c>
      <c r="E580" s="13" t="s">
        <v>17</v>
      </c>
      <c r="F580" s="11">
        <v>47514</v>
      </c>
    </row>
    <row r="581" spans="1:6" ht="27.75" customHeight="1">
      <c r="A581" s="8" t="s">
        <v>1108</v>
      </c>
      <c r="B581" s="9" t="s">
        <v>1046</v>
      </c>
      <c r="C581" s="10" t="s">
        <v>1043</v>
      </c>
      <c r="D581" s="9" t="s">
        <v>1047</v>
      </c>
      <c r="E581" s="9" t="s">
        <v>393</v>
      </c>
      <c r="F581" s="11">
        <v>47938</v>
      </c>
    </row>
    <row r="582" spans="1:6" ht="27.75" customHeight="1">
      <c r="A582" s="14" t="s">
        <v>1109</v>
      </c>
      <c r="B582" s="9" t="s">
        <v>1046</v>
      </c>
      <c r="C582" s="10" t="s">
        <v>1043</v>
      </c>
      <c r="D582" s="9" t="s">
        <v>1047</v>
      </c>
      <c r="E582" s="9" t="s">
        <v>298</v>
      </c>
      <c r="F582" s="11">
        <v>47483</v>
      </c>
    </row>
    <row r="583" spans="1:6" ht="27.75" customHeight="1">
      <c r="A583" s="12" t="s">
        <v>1110</v>
      </c>
      <c r="B583" s="13" t="s">
        <v>1046</v>
      </c>
      <c r="C583" s="10" t="s">
        <v>1043</v>
      </c>
      <c r="D583" s="13" t="s">
        <v>1047</v>
      </c>
      <c r="E583" s="13" t="s">
        <v>11</v>
      </c>
      <c r="F583" s="11">
        <v>47817</v>
      </c>
    </row>
    <row r="584" spans="1:6" ht="27.75" customHeight="1">
      <c r="A584" s="12" t="s">
        <v>1111</v>
      </c>
      <c r="B584" s="13" t="s">
        <v>1046</v>
      </c>
      <c r="C584" s="10" t="s">
        <v>1043</v>
      </c>
      <c r="D584" s="13" t="s">
        <v>1047</v>
      </c>
      <c r="E584" s="13" t="s">
        <v>44</v>
      </c>
      <c r="F584" s="11">
        <v>47057</v>
      </c>
    </row>
    <row r="585" spans="1:6" ht="27.75" customHeight="1">
      <c r="A585" s="17" t="s">
        <v>1112</v>
      </c>
      <c r="B585" s="9" t="s">
        <v>1046</v>
      </c>
      <c r="C585" s="10" t="s">
        <v>1043</v>
      </c>
      <c r="D585" s="9" t="s">
        <v>1047</v>
      </c>
      <c r="E585" s="9" t="s">
        <v>393</v>
      </c>
      <c r="F585" s="11">
        <v>46812</v>
      </c>
    </row>
    <row r="586" spans="1:6" ht="27.75" customHeight="1">
      <c r="A586" s="12" t="s">
        <v>1113</v>
      </c>
      <c r="B586" s="13" t="s">
        <v>1046</v>
      </c>
      <c r="C586" s="10" t="s">
        <v>1043</v>
      </c>
      <c r="D586" s="13" t="s">
        <v>1047</v>
      </c>
      <c r="E586" s="13" t="s">
        <v>44</v>
      </c>
      <c r="F586" s="11">
        <v>47938</v>
      </c>
    </row>
    <row r="587" spans="1:6" ht="27.75" customHeight="1">
      <c r="A587" s="12" t="s">
        <v>1114</v>
      </c>
      <c r="B587" s="13" t="s">
        <v>1046</v>
      </c>
      <c r="C587" s="10" t="s">
        <v>1043</v>
      </c>
      <c r="D587" s="13" t="s">
        <v>1047</v>
      </c>
      <c r="E587" s="13" t="s">
        <v>823</v>
      </c>
      <c r="F587" s="11">
        <v>47483</v>
      </c>
    </row>
    <row r="588" spans="1:6" ht="27.75" customHeight="1">
      <c r="A588" s="12" t="s">
        <v>1115</v>
      </c>
      <c r="B588" s="13" t="s">
        <v>1116</v>
      </c>
      <c r="C588" s="10" t="s">
        <v>1043</v>
      </c>
      <c r="D588" s="13" t="s">
        <v>1117</v>
      </c>
      <c r="E588" s="13" t="s">
        <v>44</v>
      </c>
      <c r="F588" s="11">
        <v>47422</v>
      </c>
    </row>
    <row r="589" spans="1:6" ht="27.75" customHeight="1">
      <c r="A589" s="12" t="s">
        <v>1118</v>
      </c>
      <c r="B589" s="13" t="s">
        <v>1119</v>
      </c>
      <c r="C589" s="10" t="s">
        <v>1043</v>
      </c>
      <c r="D589" s="13" t="s">
        <v>1120</v>
      </c>
      <c r="E589" s="13" t="s">
        <v>1121</v>
      </c>
      <c r="F589" s="11">
        <v>47422</v>
      </c>
    </row>
    <row r="590" spans="1:6" ht="27.75" customHeight="1">
      <c r="A590" s="23" t="s">
        <v>1122</v>
      </c>
      <c r="B590" s="24" t="s">
        <v>1123</v>
      </c>
      <c r="C590" s="10" t="s">
        <v>1043</v>
      </c>
      <c r="D590" s="9" t="s">
        <v>1124</v>
      </c>
      <c r="E590" s="24" t="s">
        <v>17</v>
      </c>
      <c r="F590" s="11">
        <v>47422</v>
      </c>
    </row>
    <row r="591" spans="1:6" ht="27.75" customHeight="1">
      <c r="A591" s="12" t="s">
        <v>1125</v>
      </c>
      <c r="B591" s="13" t="s">
        <v>1126</v>
      </c>
      <c r="C591" s="10" t="s">
        <v>1043</v>
      </c>
      <c r="D591" s="13" t="s">
        <v>1127</v>
      </c>
      <c r="E591" s="13" t="s">
        <v>1128</v>
      </c>
      <c r="F591" s="11">
        <v>47664</v>
      </c>
    </row>
    <row r="592" spans="1:6" ht="27.75" customHeight="1">
      <c r="A592" s="12" t="s">
        <v>1129</v>
      </c>
      <c r="B592" s="13" t="s">
        <v>1130</v>
      </c>
      <c r="C592" s="10" t="s">
        <v>1043</v>
      </c>
      <c r="D592" s="13" t="s">
        <v>1131</v>
      </c>
      <c r="E592" s="13" t="s">
        <v>40</v>
      </c>
      <c r="F592" s="11">
        <v>47422</v>
      </c>
    </row>
    <row r="593" spans="1:6" ht="27.75" customHeight="1">
      <c r="A593" s="8" t="s">
        <v>1132</v>
      </c>
      <c r="B593" s="9" t="s">
        <v>1133</v>
      </c>
      <c r="C593" s="10" t="s">
        <v>1043</v>
      </c>
      <c r="D593" s="9" t="s">
        <v>1131</v>
      </c>
      <c r="E593" s="9" t="s">
        <v>11</v>
      </c>
      <c r="F593" s="11">
        <v>47422</v>
      </c>
    </row>
    <row r="594" spans="1:6" ht="27.75" customHeight="1">
      <c r="A594" s="12" t="s">
        <v>1134</v>
      </c>
      <c r="B594" s="13" t="s">
        <v>1135</v>
      </c>
      <c r="C594" s="10" t="s">
        <v>1043</v>
      </c>
      <c r="D594" s="13" t="s">
        <v>1136</v>
      </c>
      <c r="E594" s="13" t="s">
        <v>17</v>
      </c>
      <c r="F594" s="11">
        <v>47422</v>
      </c>
    </row>
    <row r="595" spans="1:6" ht="27.75" customHeight="1">
      <c r="A595" s="17" t="s">
        <v>1137</v>
      </c>
      <c r="B595" s="9" t="s">
        <v>1138</v>
      </c>
      <c r="C595" s="10" t="s">
        <v>1043</v>
      </c>
      <c r="D595" s="13" t="s">
        <v>1139</v>
      </c>
      <c r="E595" s="9" t="s">
        <v>1140</v>
      </c>
      <c r="F595" s="11">
        <v>46568</v>
      </c>
    </row>
    <row r="596" spans="1:6" ht="27.75" customHeight="1">
      <c r="A596" s="17" t="s">
        <v>1141</v>
      </c>
      <c r="B596" s="9" t="s">
        <v>1142</v>
      </c>
      <c r="C596" s="10" t="s">
        <v>1043</v>
      </c>
      <c r="D596" s="9" t="s">
        <v>1143</v>
      </c>
      <c r="E596" s="9" t="s">
        <v>111</v>
      </c>
      <c r="F596" s="11">
        <v>47483</v>
      </c>
    </row>
    <row r="597" spans="1:6" ht="27.75" customHeight="1">
      <c r="A597" s="20" t="s">
        <v>1144</v>
      </c>
      <c r="B597" s="13" t="s">
        <v>1142</v>
      </c>
      <c r="C597" s="10" t="s">
        <v>1043</v>
      </c>
      <c r="D597" s="13" t="s">
        <v>1143</v>
      </c>
      <c r="E597" s="13" t="s">
        <v>111</v>
      </c>
      <c r="F597" s="11">
        <v>47422</v>
      </c>
    </row>
    <row r="598" spans="1:6" ht="27.75" customHeight="1">
      <c r="A598" s="12" t="s">
        <v>1145</v>
      </c>
      <c r="B598" s="13" t="s">
        <v>1142</v>
      </c>
      <c r="C598" s="10" t="s">
        <v>1043</v>
      </c>
      <c r="D598" s="13" t="s">
        <v>1143</v>
      </c>
      <c r="E598" s="13" t="s">
        <v>1146</v>
      </c>
      <c r="F598" s="11">
        <v>47483</v>
      </c>
    </row>
    <row r="599" spans="1:6" ht="27.75" customHeight="1">
      <c r="A599" s="17" t="s">
        <v>1147</v>
      </c>
      <c r="B599" s="9" t="s">
        <v>1142</v>
      </c>
      <c r="C599" s="10" t="s">
        <v>1043</v>
      </c>
      <c r="D599" s="9" t="s">
        <v>1143</v>
      </c>
      <c r="E599" s="9" t="s">
        <v>288</v>
      </c>
      <c r="F599" s="11">
        <v>46904</v>
      </c>
    </row>
    <row r="600" spans="1:6" ht="27.75" customHeight="1">
      <c r="A600" s="14" t="s">
        <v>1148</v>
      </c>
      <c r="B600" s="9" t="s">
        <v>1142</v>
      </c>
      <c r="C600" s="10" t="s">
        <v>1043</v>
      </c>
      <c r="D600" s="9" t="s">
        <v>1143</v>
      </c>
      <c r="E600" s="9" t="s">
        <v>111</v>
      </c>
      <c r="F600" s="11">
        <v>46873</v>
      </c>
    </row>
    <row r="601" spans="1:6" ht="27.75" customHeight="1">
      <c r="A601" s="12" t="s">
        <v>1149</v>
      </c>
      <c r="B601" s="13" t="s">
        <v>1150</v>
      </c>
      <c r="C601" s="10" t="s">
        <v>1043</v>
      </c>
      <c r="D601" s="13" t="s">
        <v>1151</v>
      </c>
      <c r="E601" s="13" t="s">
        <v>196</v>
      </c>
      <c r="F601" s="11">
        <v>47483</v>
      </c>
    </row>
    <row r="602" spans="1:6" ht="27.75" customHeight="1">
      <c r="A602" s="12" t="s">
        <v>1152</v>
      </c>
      <c r="B602" s="13" t="s">
        <v>1153</v>
      </c>
      <c r="C602" s="10" t="s">
        <v>1043</v>
      </c>
      <c r="D602" s="13" t="s">
        <v>1154</v>
      </c>
      <c r="E602" s="13" t="s">
        <v>253</v>
      </c>
      <c r="F602" s="11">
        <v>47177</v>
      </c>
    </row>
    <row r="603" spans="1:6" ht="27.75" customHeight="1">
      <c r="A603" s="20" t="s">
        <v>1155</v>
      </c>
      <c r="B603" s="13" t="s">
        <v>1153</v>
      </c>
      <c r="C603" s="10" t="s">
        <v>1043</v>
      </c>
      <c r="D603" s="9" t="s">
        <v>1154</v>
      </c>
      <c r="E603" s="13" t="s">
        <v>11</v>
      </c>
      <c r="F603" s="11">
        <v>46873</v>
      </c>
    </row>
    <row r="604" spans="1:6" ht="27.75" customHeight="1">
      <c r="A604" s="23" t="s">
        <v>1156</v>
      </c>
      <c r="B604" s="9" t="s">
        <v>1157</v>
      </c>
      <c r="C604" s="10" t="s">
        <v>1043</v>
      </c>
      <c r="D604" s="9" t="s">
        <v>1158</v>
      </c>
      <c r="E604" s="24" t="s">
        <v>1159</v>
      </c>
      <c r="F604" s="11">
        <v>47695</v>
      </c>
    </row>
    <row r="605" spans="1:6" ht="27.75" customHeight="1">
      <c r="A605" s="8" t="s">
        <v>1160</v>
      </c>
      <c r="B605" s="13" t="s">
        <v>1161</v>
      </c>
      <c r="C605" s="10" t="s">
        <v>1043</v>
      </c>
      <c r="D605" s="9" t="s">
        <v>1162</v>
      </c>
      <c r="E605" s="9" t="s">
        <v>40</v>
      </c>
      <c r="F605" s="11">
        <v>47269</v>
      </c>
    </row>
    <row r="606" spans="1:6" ht="27.75" customHeight="1">
      <c r="A606" s="12" t="s">
        <v>1163</v>
      </c>
      <c r="B606" s="13" t="s">
        <v>1161</v>
      </c>
      <c r="C606" s="10" t="s">
        <v>1043</v>
      </c>
      <c r="D606" s="13" t="s">
        <v>1162</v>
      </c>
      <c r="E606" s="13" t="s">
        <v>347</v>
      </c>
      <c r="F606" s="11">
        <v>46934</v>
      </c>
    </row>
    <row r="607" spans="1:6" ht="27.75" customHeight="1">
      <c r="A607" s="12" t="s">
        <v>1164</v>
      </c>
      <c r="B607" s="13" t="s">
        <v>1161</v>
      </c>
      <c r="C607" s="10" t="s">
        <v>1043</v>
      </c>
      <c r="D607" s="9" t="s">
        <v>1162</v>
      </c>
      <c r="E607" s="9" t="s">
        <v>69</v>
      </c>
      <c r="F607" s="11">
        <v>46507</v>
      </c>
    </row>
    <row r="608" spans="1:6" ht="27.75" customHeight="1">
      <c r="A608" s="12" t="s">
        <v>1165</v>
      </c>
      <c r="B608" s="13" t="s">
        <v>1161</v>
      </c>
      <c r="C608" s="10" t="s">
        <v>1043</v>
      </c>
      <c r="D608" s="9" t="s">
        <v>1162</v>
      </c>
      <c r="E608" s="13" t="s">
        <v>502</v>
      </c>
      <c r="F608" s="11">
        <v>46568</v>
      </c>
    </row>
    <row r="609" spans="1:6" ht="27.75" customHeight="1">
      <c r="A609" s="14" t="s">
        <v>1166</v>
      </c>
      <c r="B609" s="9" t="s">
        <v>1161</v>
      </c>
      <c r="C609" s="10" t="s">
        <v>1043</v>
      </c>
      <c r="D609" s="9" t="s">
        <v>1162</v>
      </c>
      <c r="E609" s="9" t="s">
        <v>1167</v>
      </c>
      <c r="F609" s="11">
        <v>46568</v>
      </c>
    </row>
    <row r="610" spans="1:6" ht="27.75" customHeight="1">
      <c r="A610" s="15" t="s">
        <v>1168</v>
      </c>
      <c r="B610" s="9" t="s">
        <v>1161</v>
      </c>
      <c r="C610" s="10" t="s">
        <v>1043</v>
      </c>
      <c r="D610" s="9" t="s">
        <v>1162</v>
      </c>
      <c r="E610" s="13" t="s">
        <v>21</v>
      </c>
      <c r="F610" s="11">
        <v>47087</v>
      </c>
    </row>
    <row r="611" spans="1:6" ht="27.75" customHeight="1">
      <c r="A611" s="17" t="s">
        <v>1169</v>
      </c>
      <c r="B611" s="9" t="s">
        <v>1161</v>
      </c>
      <c r="C611" s="10" t="s">
        <v>1043</v>
      </c>
      <c r="D611" s="9" t="s">
        <v>1162</v>
      </c>
      <c r="E611" s="9" t="s">
        <v>502</v>
      </c>
      <c r="F611" s="11">
        <v>47422</v>
      </c>
    </row>
    <row r="612" spans="1:6" ht="27.75" customHeight="1">
      <c r="A612" s="20" t="s">
        <v>1170</v>
      </c>
      <c r="B612" s="13" t="s">
        <v>1171</v>
      </c>
      <c r="C612" s="10" t="s">
        <v>1043</v>
      </c>
      <c r="D612" s="13" t="s">
        <v>1172</v>
      </c>
      <c r="E612" s="13" t="s">
        <v>86</v>
      </c>
      <c r="F612" s="11">
        <v>47422</v>
      </c>
    </row>
    <row r="613" spans="1:6" ht="27.75" customHeight="1">
      <c r="A613" s="15" t="s">
        <v>1173</v>
      </c>
      <c r="B613" s="9" t="s">
        <v>1171</v>
      </c>
      <c r="C613" s="10" t="s">
        <v>1043</v>
      </c>
      <c r="D613" s="9" t="s">
        <v>1172</v>
      </c>
      <c r="E613" s="13" t="s">
        <v>40</v>
      </c>
      <c r="F613" s="11">
        <v>47664</v>
      </c>
    </row>
    <row r="614" spans="1:6" ht="27.75" customHeight="1">
      <c r="A614" s="12" t="s">
        <v>1174</v>
      </c>
      <c r="B614" s="18" t="s">
        <v>1171</v>
      </c>
      <c r="C614" s="10" t="s">
        <v>1043</v>
      </c>
      <c r="D614" s="18" t="s">
        <v>1172</v>
      </c>
      <c r="E614" s="18" t="s">
        <v>393</v>
      </c>
      <c r="F614" s="19">
        <v>47422</v>
      </c>
    </row>
    <row r="615" spans="1:6" ht="27.75" customHeight="1">
      <c r="A615" s="12" t="s">
        <v>1175</v>
      </c>
      <c r="B615" s="13" t="s">
        <v>1171</v>
      </c>
      <c r="C615" s="10" t="s">
        <v>1043</v>
      </c>
      <c r="D615" s="13" t="s">
        <v>1172</v>
      </c>
      <c r="E615" s="13" t="s">
        <v>21</v>
      </c>
      <c r="F615" s="11">
        <v>47452</v>
      </c>
    </row>
    <row r="616" spans="1:6" ht="27.75" customHeight="1">
      <c r="A616" s="17" t="s">
        <v>1176</v>
      </c>
      <c r="B616" s="9" t="s">
        <v>1177</v>
      </c>
      <c r="C616" s="10" t="s">
        <v>1043</v>
      </c>
      <c r="D616" s="9" t="s">
        <v>1178</v>
      </c>
      <c r="E616" s="9" t="s">
        <v>321</v>
      </c>
      <c r="F616" s="11">
        <v>47269</v>
      </c>
    </row>
    <row r="617" spans="1:6" ht="27.75" customHeight="1">
      <c r="A617" s="12" t="s">
        <v>1179</v>
      </c>
      <c r="B617" s="13" t="s">
        <v>1177</v>
      </c>
      <c r="C617" s="10" t="s">
        <v>1043</v>
      </c>
      <c r="D617" s="13" t="s">
        <v>1178</v>
      </c>
      <c r="E617" s="13" t="s">
        <v>40</v>
      </c>
      <c r="F617" s="11">
        <v>47542</v>
      </c>
    </row>
    <row r="618" spans="1:6" ht="27.75" customHeight="1">
      <c r="A618" s="14" t="s">
        <v>1180</v>
      </c>
      <c r="B618" s="9" t="s">
        <v>1177</v>
      </c>
      <c r="C618" s="10" t="s">
        <v>1043</v>
      </c>
      <c r="D618" s="9" t="s">
        <v>1178</v>
      </c>
      <c r="E618" s="9" t="s">
        <v>321</v>
      </c>
      <c r="F618" s="11">
        <v>47573</v>
      </c>
    </row>
    <row r="619" spans="1:6" ht="27.75" customHeight="1">
      <c r="A619" s="17" t="s">
        <v>1181</v>
      </c>
      <c r="B619" s="9" t="s">
        <v>1177</v>
      </c>
      <c r="C619" s="10" t="s">
        <v>1043</v>
      </c>
      <c r="D619" s="9" t="s">
        <v>1178</v>
      </c>
      <c r="E619" s="9" t="s">
        <v>253</v>
      </c>
      <c r="F619" s="11">
        <v>47483</v>
      </c>
    </row>
    <row r="620" spans="1:6" ht="27.75" customHeight="1">
      <c r="A620" s="12" t="s">
        <v>1182</v>
      </c>
      <c r="B620" s="13" t="s">
        <v>1177</v>
      </c>
      <c r="C620" s="10" t="s">
        <v>1043</v>
      </c>
      <c r="D620" s="13" t="s">
        <v>1178</v>
      </c>
      <c r="E620" s="13" t="s">
        <v>253</v>
      </c>
      <c r="F620" s="11">
        <v>47573</v>
      </c>
    </row>
    <row r="621" spans="1:6" ht="27.75" customHeight="1">
      <c r="A621" s="12" t="s">
        <v>1183</v>
      </c>
      <c r="B621" s="13" t="s">
        <v>1177</v>
      </c>
      <c r="C621" s="10" t="s">
        <v>1043</v>
      </c>
      <c r="D621" s="13" t="s">
        <v>1178</v>
      </c>
      <c r="E621" s="13" t="s">
        <v>253</v>
      </c>
      <c r="F621" s="11">
        <v>47422</v>
      </c>
    </row>
    <row r="622" spans="1:6" ht="27.75" customHeight="1">
      <c r="A622" s="14" t="s">
        <v>1184</v>
      </c>
      <c r="B622" s="9" t="s">
        <v>1177</v>
      </c>
      <c r="C622" s="10" t="s">
        <v>1043</v>
      </c>
      <c r="D622" s="9" t="s">
        <v>1178</v>
      </c>
      <c r="E622" s="9" t="s">
        <v>253</v>
      </c>
      <c r="F622" s="11">
        <v>47422</v>
      </c>
    </row>
    <row r="623" spans="1:6" ht="27.75" customHeight="1">
      <c r="A623" s="23" t="s">
        <v>1185</v>
      </c>
      <c r="B623" s="9" t="s">
        <v>1186</v>
      </c>
      <c r="C623" s="10" t="s">
        <v>1043</v>
      </c>
      <c r="D623" s="9" t="s">
        <v>1178</v>
      </c>
      <c r="E623" s="24" t="s">
        <v>25</v>
      </c>
      <c r="F623" s="11">
        <v>47026</v>
      </c>
    </row>
    <row r="624" spans="1:6" ht="27.75" customHeight="1">
      <c r="A624" s="12" t="s">
        <v>1187</v>
      </c>
      <c r="B624" s="13" t="s">
        <v>1188</v>
      </c>
      <c r="C624" s="10" t="s">
        <v>1043</v>
      </c>
      <c r="D624" s="13" t="s">
        <v>1178</v>
      </c>
      <c r="E624" s="13" t="s">
        <v>1189</v>
      </c>
      <c r="F624" s="11">
        <v>47422</v>
      </c>
    </row>
    <row r="625" spans="1:6" ht="27.75" customHeight="1">
      <c r="A625" s="14" t="s">
        <v>1190</v>
      </c>
      <c r="B625" s="9" t="s">
        <v>1191</v>
      </c>
      <c r="C625" s="10" t="s">
        <v>1043</v>
      </c>
      <c r="D625" s="9" t="s">
        <v>1192</v>
      </c>
      <c r="E625" s="9" t="s">
        <v>44</v>
      </c>
      <c r="F625" s="11">
        <v>46538</v>
      </c>
    </row>
    <row r="626" spans="1:6" ht="27.75" customHeight="1">
      <c r="A626" s="17" t="s">
        <v>1193</v>
      </c>
      <c r="B626" s="26" t="s">
        <v>1191</v>
      </c>
      <c r="C626" s="10" t="s">
        <v>1043</v>
      </c>
      <c r="D626" s="9" t="s">
        <v>1192</v>
      </c>
      <c r="E626" s="26" t="s">
        <v>369</v>
      </c>
      <c r="F626" s="11">
        <v>47422</v>
      </c>
    </row>
    <row r="627" spans="1:6" ht="27.75" customHeight="1">
      <c r="A627" s="14" t="s">
        <v>1194</v>
      </c>
      <c r="B627" s="9" t="s">
        <v>1191</v>
      </c>
      <c r="C627" s="29" t="s">
        <v>1043</v>
      </c>
      <c r="D627" s="9" t="s">
        <v>1192</v>
      </c>
      <c r="E627" s="9" t="s">
        <v>115</v>
      </c>
      <c r="F627" s="11">
        <v>46812</v>
      </c>
    </row>
    <row r="628" spans="1:6" ht="27.75" customHeight="1">
      <c r="A628" s="12" t="s">
        <v>1195</v>
      </c>
      <c r="B628" s="13" t="s">
        <v>1191</v>
      </c>
      <c r="C628" s="29" t="s">
        <v>1043</v>
      </c>
      <c r="D628" s="13" t="s">
        <v>1192</v>
      </c>
      <c r="E628" s="13" t="s">
        <v>234</v>
      </c>
      <c r="F628" s="11">
        <v>47026</v>
      </c>
    </row>
    <row r="629" spans="1:6" ht="27.75" customHeight="1">
      <c r="A629" s="23" t="s">
        <v>1196</v>
      </c>
      <c r="B629" s="24" t="s">
        <v>1191</v>
      </c>
      <c r="C629" s="29" t="s">
        <v>1043</v>
      </c>
      <c r="D629" s="9" t="s">
        <v>1192</v>
      </c>
      <c r="E629" s="24" t="s">
        <v>40</v>
      </c>
      <c r="F629" s="11">
        <v>47208</v>
      </c>
    </row>
    <row r="630" spans="1:6" ht="27.75" customHeight="1">
      <c r="A630" s="23" t="s">
        <v>1197</v>
      </c>
      <c r="B630" s="24" t="s">
        <v>1198</v>
      </c>
      <c r="C630" s="29" t="s">
        <v>1043</v>
      </c>
      <c r="D630" s="9" t="s">
        <v>1199</v>
      </c>
      <c r="E630" s="24" t="s">
        <v>17</v>
      </c>
      <c r="F630" s="11">
        <v>47422</v>
      </c>
    </row>
    <row r="631" spans="1:6" ht="27.75" customHeight="1">
      <c r="A631" s="12" t="s">
        <v>1200</v>
      </c>
      <c r="B631" s="13" t="s">
        <v>1201</v>
      </c>
      <c r="C631" s="29" t="s">
        <v>1043</v>
      </c>
      <c r="D631" s="13" t="s">
        <v>1202</v>
      </c>
      <c r="E631" s="13" t="s">
        <v>424</v>
      </c>
      <c r="F631" s="11">
        <v>47422</v>
      </c>
    </row>
    <row r="632" spans="1:6" ht="27.75" customHeight="1">
      <c r="A632" s="12" t="s">
        <v>1203</v>
      </c>
      <c r="B632" s="13" t="s">
        <v>1204</v>
      </c>
      <c r="C632" s="29" t="s">
        <v>1043</v>
      </c>
      <c r="D632" s="13" t="s">
        <v>1205</v>
      </c>
      <c r="E632" s="13" t="s">
        <v>295</v>
      </c>
      <c r="F632" s="11">
        <v>47452</v>
      </c>
    </row>
    <row r="633" spans="1:6" ht="27.75" customHeight="1">
      <c r="A633" s="12" t="s">
        <v>1206</v>
      </c>
      <c r="B633" s="13" t="s">
        <v>1207</v>
      </c>
      <c r="C633" s="29" t="s">
        <v>1043</v>
      </c>
      <c r="D633" s="13" t="s">
        <v>1208</v>
      </c>
      <c r="E633" s="13" t="s">
        <v>21</v>
      </c>
      <c r="F633" s="11">
        <v>47483</v>
      </c>
    </row>
    <row r="634" spans="1:6" ht="27.75" customHeight="1">
      <c r="A634" s="12" t="s">
        <v>1209</v>
      </c>
      <c r="B634" s="13" t="s">
        <v>1210</v>
      </c>
      <c r="C634" s="29" t="s">
        <v>1043</v>
      </c>
      <c r="D634" s="13" t="s">
        <v>1211</v>
      </c>
      <c r="E634" s="13" t="s">
        <v>21</v>
      </c>
      <c r="F634" s="11">
        <v>46234</v>
      </c>
    </row>
    <row r="635" spans="1:6" ht="27.75" customHeight="1">
      <c r="A635" s="14" t="s">
        <v>1212</v>
      </c>
      <c r="B635" s="9" t="s">
        <v>1213</v>
      </c>
      <c r="C635" s="29" t="s">
        <v>1043</v>
      </c>
      <c r="D635" s="9" t="s">
        <v>1214</v>
      </c>
      <c r="E635" s="9" t="s">
        <v>86</v>
      </c>
      <c r="F635" s="11">
        <v>47422</v>
      </c>
    </row>
    <row r="636" spans="1:6" ht="27.75" customHeight="1">
      <c r="A636" s="12" t="s">
        <v>1215</v>
      </c>
      <c r="B636" s="18" t="s">
        <v>1216</v>
      </c>
      <c r="C636" s="29" t="s">
        <v>1043</v>
      </c>
      <c r="D636" s="18" t="s">
        <v>1217</v>
      </c>
      <c r="E636" s="18" t="s">
        <v>21</v>
      </c>
      <c r="F636" s="19">
        <v>47422</v>
      </c>
    </row>
    <row r="637" spans="1:6" ht="27.75" customHeight="1">
      <c r="A637" s="15" t="s">
        <v>1218</v>
      </c>
      <c r="B637" s="13" t="s">
        <v>1219</v>
      </c>
      <c r="C637" s="29" t="s">
        <v>1043</v>
      </c>
      <c r="D637" s="9" t="s">
        <v>1220</v>
      </c>
      <c r="E637" s="13" t="s">
        <v>21</v>
      </c>
      <c r="F637" s="11">
        <v>46996</v>
      </c>
    </row>
    <row r="638" spans="1:6" ht="27.75" customHeight="1">
      <c r="A638" s="8" t="s">
        <v>1221</v>
      </c>
      <c r="B638" s="9" t="s">
        <v>1222</v>
      </c>
      <c r="C638" s="29" t="s">
        <v>1043</v>
      </c>
      <c r="D638" s="9" t="s">
        <v>1223</v>
      </c>
      <c r="E638" s="9" t="s">
        <v>17</v>
      </c>
      <c r="F638" s="11">
        <v>46599</v>
      </c>
    </row>
    <row r="639" spans="1:6" ht="27.75" customHeight="1">
      <c r="A639" s="12" t="s">
        <v>1224</v>
      </c>
      <c r="B639" s="13" t="s">
        <v>1225</v>
      </c>
      <c r="C639" s="29" t="s">
        <v>1043</v>
      </c>
      <c r="D639" s="13" t="s">
        <v>1226</v>
      </c>
      <c r="E639" s="13" t="s">
        <v>17</v>
      </c>
      <c r="F639" s="11">
        <v>47422</v>
      </c>
    </row>
    <row r="640" spans="1:6" ht="27.75" customHeight="1">
      <c r="A640" s="8" t="s">
        <v>1227</v>
      </c>
      <c r="B640" s="13" t="s">
        <v>1228</v>
      </c>
      <c r="C640" s="29" t="s">
        <v>1043</v>
      </c>
      <c r="D640" s="13" t="s">
        <v>1229</v>
      </c>
      <c r="E640" s="9" t="s">
        <v>111</v>
      </c>
      <c r="F640" s="11">
        <v>46081</v>
      </c>
    </row>
    <row r="641" spans="1:6" ht="27.75" customHeight="1">
      <c r="A641" s="12" t="s">
        <v>1230</v>
      </c>
      <c r="B641" s="13" t="s">
        <v>1231</v>
      </c>
      <c r="C641" s="29" t="s">
        <v>1043</v>
      </c>
      <c r="D641" s="13" t="s">
        <v>1232</v>
      </c>
      <c r="E641" s="13" t="s">
        <v>40</v>
      </c>
      <c r="F641" s="11">
        <v>47422</v>
      </c>
    </row>
    <row r="642" spans="1:6" ht="27.75" customHeight="1">
      <c r="A642" s="15" t="s">
        <v>1233</v>
      </c>
      <c r="B642" s="13" t="s">
        <v>1231</v>
      </c>
      <c r="C642" s="29" t="s">
        <v>1043</v>
      </c>
      <c r="D642" s="9" t="s">
        <v>1232</v>
      </c>
      <c r="E642" s="13" t="s">
        <v>11</v>
      </c>
      <c r="F642" s="11">
        <v>46477</v>
      </c>
    </row>
    <row r="643" spans="1:6" ht="27.75" customHeight="1">
      <c r="A643" s="12" t="s">
        <v>1234</v>
      </c>
      <c r="B643" s="13" t="s">
        <v>1231</v>
      </c>
      <c r="C643" s="29" t="s">
        <v>1043</v>
      </c>
      <c r="D643" s="13" t="s">
        <v>1232</v>
      </c>
      <c r="E643" s="13" t="s">
        <v>21</v>
      </c>
      <c r="F643" s="11">
        <v>47422</v>
      </c>
    </row>
    <row r="644" spans="1:6" ht="27.75" customHeight="1">
      <c r="A644" s="15" t="s">
        <v>1235</v>
      </c>
      <c r="B644" s="13" t="s">
        <v>1231</v>
      </c>
      <c r="C644" s="29" t="s">
        <v>1043</v>
      </c>
      <c r="D644" s="9" t="s">
        <v>1232</v>
      </c>
      <c r="E644" s="13" t="s">
        <v>21</v>
      </c>
      <c r="F644" s="11">
        <v>47422</v>
      </c>
    </row>
    <row r="645" spans="1:6" ht="27.75" customHeight="1">
      <c r="A645" s="12" t="s">
        <v>1236</v>
      </c>
      <c r="B645" s="13" t="s">
        <v>1231</v>
      </c>
      <c r="C645" s="29" t="s">
        <v>1043</v>
      </c>
      <c r="D645" s="9" t="s">
        <v>1232</v>
      </c>
      <c r="E645" s="30" t="s">
        <v>21</v>
      </c>
      <c r="F645" s="11">
        <v>47422</v>
      </c>
    </row>
    <row r="646" spans="1:6" ht="27.75" customHeight="1">
      <c r="A646" s="12" t="s">
        <v>1237</v>
      </c>
      <c r="B646" s="13" t="s">
        <v>1238</v>
      </c>
      <c r="C646" s="29" t="s">
        <v>1043</v>
      </c>
      <c r="D646" s="18" t="s">
        <v>1239</v>
      </c>
      <c r="E646" s="18" t="s">
        <v>205</v>
      </c>
      <c r="F646" s="19">
        <v>47603</v>
      </c>
    </row>
    <row r="647" spans="1:6" ht="27.75" customHeight="1">
      <c r="A647" s="15" t="s">
        <v>1240</v>
      </c>
      <c r="B647" s="13" t="s">
        <v>1241</v>
      </c>
      <c r="C647" s="29" t="s">
        <v>1043</v>
      </c>
      <c r="D647" s="9" t="s">
        <v>1242</v>
      </c>
      <c r="E647" s="13" t="s">
        <v>63</v>
      </c>
      <c r="F647" s="11">
        <v>47177</v>
      </c>
    </row>
    <row r="648" spans="1:6" ht="27.75" customHeight="1">
      <c r="A648" s="12" t="s">
        <v>1243</v>
      </c>
      <c r="B648" s="13" t="s">
        <v>1244</v>
      </c>
      <c r="C648" s="29" t="s">
        <v>1043</v>
      </c>
      <c r="D648" s="13" t="s">
        <v>1245</v>
      </c>
      <c r="E648" s="13" t="s">
        <v>11</v>
      </c>
      <c r="F648" s="11">
        <v>46721</v>
      </c>
    </row>
    <row r="649" spans="1:6" ht="27.75" customHeight="1">
      <c r="A649" s="8" t="s">
        <v>1246</v>
      </c>
      <c r="B649" s="9" t="s">
        <v>1247</v>
      </c>
      <c r="C649" s="29" t="s">
        <v>1043</v>
      </c>
      <c r="D649" s="9" t="s">
        <v>1245</v>
      </c>
      <c r="E649" s="9" t="s">
        <v>1248</v>
      </c>
      <c r="F649" s="11">
        <v>46996</v>
      </c>
    </row>
    <row r="650" spans="1:6" ht="27.75" customHeight="1">
      <c r="A650" s="12" t="s">
        <v>1249</v>
      </c>
      <c r="B650" s="13" t="s">
        <v>1250</v>
      </c>
      <c r="C650" s="29" t="s">
        <v>1043</v>
      </c>
      <c r="D650" s="13" t="s">
        <v>1251</v>
      </c>
      <c r="E650" s="13" t="s">
        <v>44</v>
      </c>
      <c r="F650" s="11">
        <v>47422</v>
      </c>
    </row>
    <row r="651" spans="1:6" ht="27.75" customHeight="1">
      <c r="A651" s="20" t="s">
        <v>1252</v>
      </c>
      <c r="B651" s="13" t="s">
        <v>1250</v>
      </c>
      <c r="C651" s="29" t="s">
        <v>1043</v>
      </c>
      <c r="D651" s="9" t="s">
        <v>1251</v>
      </c>
      <c r="E651" s="13" t="s">
        <v>44</v>
      </c>
      <c r="F651" s="11">
        <v>47422</v>
      </c>
    </row>
    <row r="652" spans="1:6" ht="27.75" customHeight="1">
      <c r="A652" s="20" t="s">
        <v>1253</v>
      </c>
      <c r="B652" s="13" t="s">
        <v>1254</v>
      </c>
      <c r="C652" s="29" t="s">
        <v>1043</v>
      </c>
      <c r="D652" s="13" t="s">
        <v>1255</v>
      </c>
      <c r="E652" s="13" t="s">
        <v>17</v>
      </c>
      <c r="F652" s="11">
        <v>47422</v>
      </c>
    </row>
    <row r="653" spans="1:6" ht="27.75" customHeight="1">
      <c r="A653" s="12" t="s">
        <v>1256</v>
      </c>
      <c r="B653" s="13" t="s">
        <v>1257</v>
      </c>
      <c r="C653" s="29" t="s">
        <v>1043</v>
      </c>
      <c r="D653" s="13" t="s">
        <v>1258</v>
      </c>
      <c r="E653" s="13" t="s">
        <v>1259</v>
      </c>
      <c r="F653" s="11">
        <v>46234</v>
      </c>
    </row>
    <row r="654" spans="1:6" ht="27.75" customHeight="1">
      <c r="A654" s="8" t="s">
        <v>1260</v>
      </c>
      <c r="B654" s="9" t="s">
        <v>1261</v>
      </c>
      <c r="C654" s="29" t="s">
        <v>1043</v>
      </c>
      <c r="D654" s="9" t="s">
        <v>1262</v>
      </c>
      <c r="E654" s="9" t="s">
        <v>86</v>
      </c>
      <c r="F654" s="11">
        <v>47422</v>
      </c>
    </row>
    <row r="655" spans="1:6" ht="27.75" customHeight="1">
      <c r="A655" s="8" t="s">
        <v>1263</v>
      </c>
      <c r="B655" s="13" t="s">
        <v>1264</v>
      </c>
      <c r="C655" s="29" t="s">
        <v>1043</v>
      </c>
      <c r="D655" s="13" t="s">
        <v>1265</v>
      </c>
      <c r="E655" s="13" t="s">
        <v>823</v>
      </c>
      <c r="F655" s="11">
        <v>46418</v>
      </c>
    </row>
    <row r="656" spans="1:6" ht="27.75" customHeight="1">
      <c r="A656" s="8" t="s">
        <v>1266</v>
      </c>
      <c r="B656" s="18" t="s">
        <v>1267</v>
      </c>
      <c r="C656" s="29" t="s">
        <v>1043</v>
      </c>
      <c r="D656" s="18" t="s">
        <v>1268</v>
      </c>
      <c r="E656" s="18" t="s">
        <v>21</v>
      </c>
      <c r="F656" s="19">
        <v>47026</v>
      </c>
    </row>
    <row r="657" spans="1:6" ht="27.75" customHeight="1">
      <c r="A657" s="14" t="s">
        <v>1269</v>
      </c>
      <c r="B657" s="9" t="s">
        <v>1267</v>
      </c>
      <c r="C657" s="29" t="s">
        <v>1043</v>
      </c>
      <c r="D657" s="9" t="s">
        <v>1268</v>
      </c>
      <c r="E657" s="9" t="s">
        <v>21</v>
      </c>
      <c r="F657" s="11">
        <v>47057</v>
      </c>
    </row>
    <row r="658" spans="1:6" ht="27.75" customHeight="1">
      <c r="A658" s="8" t="s">
        <v>1270</v>
      </c>
      <c r="B658" s="9" t="s">
        <v>1271</v>
      </c>
      <c r="C658" s="29" t="s">
        <v>1043</v>
      </c>
      <c r="D658" s="9" t="s">
        <v>1272</v>
      </c>
      <c r="E658" s="9" t="s">
        <v>40</v>
      </c>
      <c r="F658" s="11">
        <v>46538</v>
      </c>
    </row>
    <row r="659" spans="1:6" ht="27.75" customHeight="1">
      <c r="A659" s="14" t="s">
        <v>1273</v>
      </c>
      <c r="B659" s="9" t="s">
        <v>1271</v>
      </c>
      <c r="C659" s="29" t="s">
        <v>1043</v>
      </c>
      <c r="D659" s="9" t="s">
        <v>1272</v>
      </c>
      <c r="E659" s="9" t="s">
        <v>40</v>
      </c>
      <c r="F659" s="11">
        <v>47695</v>
      </c>
    </row>
    <row r="660" spans="1:6" ht="27.75" customHeight="1">
      <c r="A660" s="12" t="s">
        <v>1274</v>
      </c>
      <c r="B660" s="13" t="s">
        <v>1271</v>
      </c>
      <c r="C660" s="29" t="s">
        <v>1043</v>
      </c>
      <c r="D660" s="13" t="s">
        <v>1272</v>
      </c>
      <c r="E660" s="13" t="s">
        <v>40</v>
      </c>
      <c r="F660" s="11">
        <v>47422</v>
      </c>
    </row>
    <row r="661" spans="1:6" ht="27.75" customHeight="1">
      <c r="A661" s="8" t="s">
        <v>1275</v>
      </c>
      <c r="B661" s="26" t="s">
        <v>1271</v>
      </c>
      <c r="C661" s="29" t="s">
        <v>1043</v>
      </c>
      <c r="D661" s="9" t="s">
        <v>1272</v>
      </c>
      <c r="E661" s="26" t="s">
        <v>40</v>
      </c>
      <c r="F661" s="11">
        <v>47695</v>
      </c>
    </row>
    <row r="662" spans="1:6" ht="27.75" customHeight="1">
      <c r="A662" s="15" t="s">
        <v>1276</v>
      </c>
      <c r="B662" s="24" t="s">
        <v>1271</v>
      </c>
      <c r="C662" s="29" t="s">
        <v>1043</v>
      </c>
      <c r="D662" s="9" t="s">
        <v>1272</v>
      </c>
      <c r="E662" s="13" t="s">
        <v>40</v>
      </c>
      <c r="F662" s="11">
        <v>46418</v>
      </c>
    </row>
    <row r="663" spans="1:6" ht="27.75" customHeight="1">
      <c r="A663" s="8" t="s">
        <v>1277</v>
      </c>
      <c r="B663" s="9" t="s">
        <v>1271</v>
      </c>
      <c r="C663" s="29" t="s">
        <v>1043</v>
      </c>
      <c r="D663" s="9" t="s">
        <v>1272</v>
      </c>
      <c r="E663" s="9" t="s">
        <v>40</v>
      </c>
      <c r="F663" s="11">
        <v>47422</v>
      </c>
    </row>
    <row r="664" spans="1:6" ht="27.75" customHeight="1">
      <c r="A664" s="17" t="s">
        <v>1278</v>
      </c>
      <c r="B664" s="9" t="s">
        <v>1271</v>
      </c>
      <c r="C664" s="29" t="s">
        <v>1043</v>
      </c>
      <c r="D664" s="9" t="s">
        <v>1272</v>
      </c>
      <c r="E664" s="9" t="s">
        <v>40</v>
      </c>
      <c r="F664" s="11">
        <v>47573</v>
      </c>
    </row>
    <row r="665" spans="1:6" ht="27.75" customHeight="1">
      <c r="A665" s="12" t="s">
        <v>1279</v>
      </c>
      <c r="B665" s="13" t="s">
        <v>1271</v>
      </c>
      <c r="C665" s="29" t="s">
        <v>1043</v>
      </c>
      <c r="D665" s="13" t="s">
        <v>1272</v>
      </c>
      <c r="E665" s="13" t="s">
        <v>40</v>
      </c>
      <c r="F665" s="11">
        <v>47422</v>
      </c>
    </row>
    <row r="666" spans="1:6" ht="27.75" customHeight="1">
      <c r="A666" s="20" t="s">
        <v>1280</v>
      </c>
      <c r="B666" s="9" t="s">
        <v>1281</v>
      </c>
      <c r="C666" s="29" t="s">
        <v>1043</v>
      </c>
      <c r="D666" s="27" t="s">
        <v>1282</v>
      </c>
      <c r="E666" s="13" t="s">
        <v>21</v>
      </c>
      <c r="F666" s="11">
        <v>47422</v>
      </c>
    </row>
    <row r="667" spans="1:6" ht="27.75" customHeight="1">
      <c r="A667" s="12" t="s">
        <v>1283</v>
      </c>
      <c r="B667" s="13" t="s">
        <v>1284</v>
      </c>
      <c r="C667" s="29" t="s">
        <v>1043</v>
      </c>
      <c r="D667" s="13" t="s">
        <v>1285</v>
      </c>
      <c r="E667" s="13" t="s">
        <v>1286</v>
      </c>
      <c r="F667" s="11">
        <v>47787</v>
      </c>
    </row>
    <row r="668" spans="1:6" ht="27.75" customHeight="1">
      <c r="A668" s="14" t="s">
        <v>1287</v>
      </c>
      <c r="B668" s="9" t="s">
        <v>1288</v>
      </c>
      <c r="C668" s="29" t="s">
        <v>1043</v>
      </c>
      <c r="D668" s="9" t="s">
        <v>1289</v>
      </c>
      <c r="E668" s="9" t="s">
        <v>142</v>
      </c>
      <c r="F668" s="11">
        <v>46873</v>
      </c>
    </row>
    <row r="669" spans="1:6" ht="27.75" customHeight="1">
      <c r="A669" s="14" t="s">
        <v>1290</v>
      </c>
      <c r="B669" s="9" t="s">
        <v>1291</v>
      </c>
      <c r="C669" s="29" t="s">
        <v>1043</v>
      </c>
      <c r="D669" s="9" t="s">
        <v>1292</v>
      </c>
      <c r="E669" s="9" t="s">
        <v>196</v>
      </c>
      <c r="F669" s="11">
        <v>47149</v>
      </c>
    </row>
    <row r="670" spans="1:6" ht="27.75" customHeight="1">
      <c r="A670" s="23" t="s">
        <v>1293</v>
      </c>
      <c r="B670" s="9" t="s">
        <v>1294</v>
      </c>
      <c r="C670" s="29" t="s">
        <v>1043</v>
      </c>
      <c r="D670" s="9" t="s">
        <v>1295</v>
      </c>
      <c r="E670" s="24" t="s">
        <v>984</v>
      </c>
      <c r="F670" s="11">
        <v>46843</v>
      </c>
    </row>
    <row r="671" spans="1:6" ht="27.75" customHeight="1">
      <c r="A671" s="17" t="s">
        <v>1296</v>
      </c>
      <c r="B671" s="9" t="s">
        <v>1297</v>
      </c>
      <c r="C671" s="29" t="s">
        <v>1043</v>
      </c>
      <c r="D671" s="9" t="s">
        <v>1298</v>
      </c>
      <c r="E671" s="9" t="s">
        <v>1299</v>
      </c>
      <c r="F671" s="11">
        <v>46173</v>
      </c>
    </row>
    <row r="672" spans="1:6" s="31" customFormat="1" ht="27.75" customHeight="1">
      <c r="A672" s="17" t="s">
        <v>1300</v>
      </c>
      <c r="B672" s="9" t="s">
        <v>1301</v>
      </c>
      <c r="C672" s="29" t="s">
        <v>1043</v>
      </c>
      <c r="D672" s="9" t="s">
        <v>1302</v>
      </c>
      <c r="E672" s="9" t="s">
        <v>17</v>
      </c>
      <c r="F672" s="11">
        <v>47422</v>
      </c>
    </row>
    <row r="673" spans="1:6" s="31" customFormat="1" ht="27.75" customHeight="1">
      <c r="A673" s="14" t="s">
        <v>1303</v>
      </c>
      <c r="B673" s="9" t="s">
        <v>1304</v>
      </c>
      <c r="C673" s="29" t="s">
        <v>1043</v>
      </c>
      <c r="D673" s="9" t="s">
        <v>1305</v>
      </c>
      <c r="E673" s="9" t="s">
        <v>809</v>
      </c>
      <c r="F673" s="11">
        <v>47603</v>
      </c>
    </row>
    <row r="674" spans="1:6" ht="27.75" customHeight="1">
      <c r="A674" s="14" t="s">
        <v>1306</v>
      </c>
      <c r="B674" s="9" t="s">
        <v>1307</v>
      </c>
      <c r="C674" s="29" t="s">
        <v>1043</v>
      </c>
      <c r="D674" s="9" t="s">
        <v>1308</v>
      </c>
      <c r="E674" s="9" t="s">
        <v>17</v>
      </c>
      <c r="F674" s="11">
        <v>47299</v>
      </c>
    </row>
    <row r="675" spans="1:6" ht="27.75" customHeight="1">
      <c r="A675" s="17" t="s">
        <v>1309</v>
      </c>
      <c r="B675" s="9" t="s">
        <v>1310</v>
      </c>
      <c r="C675" s="29" t="s">
        <v>1043</v>
      </c>
      <c r="D675" s="9" t="s">
        <v>1311</v>
      </c>
      <c r="E675" s="9" t="s">
        <v>21</v>
      </c>
      <c r="F675" s="11">
        <v>47149</v>
      </c>
    </row>
    <row r="676" spans="1:6" ht="27.75" customHeight="1">
      <c r="A676" s="12" t="s">
        <v>1312</v>
      </c>
      <c r="B676" s="9" t="s">
        <v>1313</v>
      </c>
      <c r="C676" s="29" t="s">
        <v>1043</v>
      </c>
      <c r="D676" s="9" t="s">
        <v>1314</v>
      </c>
      <c r="E676" s="9" t="s">
        <v>86</v>
      </c>
      <c r="F676" s="11">
        <v>47542</v>
      </c>
    </row>
    <row r="677" spans="1:6" ht="27.75" customHeight="1">
      <c r="A677" s="8" t="s">
        <v>1315</v>
      </c>
      <c r="B677" s="24" t="s">
        <v>1316</v>
      </c>
      <c r="C677" s="29" t="s">
        <v>1043</v>
      </c>
      <c r="D677" s="9" t="s">
        <v>1317</v>
      </c>
      <c r="E677" s="9" t="s">
        <v>40</v>
      </c>
      <c r="F677" s="11">
        <v>47664</v>
      </c>
    </row>
    <row r="678" spans="1:6" ht="27.75" customHeight="1">
      <c r="A678" s="14" t="s">
        <v>1318</v>
      </c>
      <c r="B678" s="9" t="s">
        <v>1319</v>
      </c>
      <c r="C678" s="29" t="s">
        <v>1043</v>
      </c>
      <c r="D678" s="9" t="s">
        <v>1320</v>
      </c>
      <c r="E678" s="9" t="s">
        <v>111</v>
      </c>
      <c r="F678" s="11">
        <v>47452</v>
      </c>
    </row>
    <row r="679" spans="1:6" ht="27.75" customHeight="1">
      <c r="A679" s="12" t="s">
        <v>1321</v>
      </c>
      <c r="B679" s="9" t="s">
        <v>1322</v>
      </c>
      <c r="C679" s="29" t="s">
        <v>1043</v>
      </c>
      <c r="D679" s="9" t="s">
        <v>1323</v>
      </c>
      <c r="E679" s="9" t="s">
        <v>1324</v>
      </c>
      <c r="F679" s="11">
        <v>47422</v>
      </c>
    </row>
    <row r="680" spans="1:6" ht="27.75" customHeight="1">
      <c r="A680" s="17" t="s">
        <v>1325</v>
      </c>
      <c r="B680" s="9" t="s">
        <v>1326</v>
      </c>
      <c r="C680" s="29" t="s">
        <v>1043</v>
      </c>
      <c r="D680" s="9" t="s">
        <v>1327</v>
      </c>
      <c r="E680" s="9" t="s">
        <v>17</v>
      </c>
      <c r="F680" s="11">
        <v>47422</v>
      </c>
    </row>
    <row r="681" spans="1:6" ht="27.75" customHeight="1">
      <c r="A681" s="17" t="s">
        <v>1328</v>
      </c>
      <c r="B681" s="9" t="s">
        <v>1326</v>
      </c>
      <c r="C681" s="29" t="s">
        <v>1043</v>
      </c>
      <c r="D681" s="9" t="s">
        <v>1327</v>
      </c>
      <c r="E681" s="9" t="s">
        <v>17</v>
      </c>
      <c r="F681" s="11">
        <v>47422</v>
      </c>
    </row>
    <row r="682" spans="1:6" ht="27.75" customHeight="1">
      <c r="A682" s="12" t="s">
        <v>1329</v>
      </c>
      <c r="B682" s="9" t="s">
        <v>1330</v>
      </c>
      <c r="C682" s="29" t="s">
        <v>1043</v>
      </c>
      <c r="D682" s="13" t="s">
        <v>1331</v>
      </c>
      <c r="E682" s="13" t="s">
        <v>63</v>
      </c>
      <c r="F682" s="11">
        <v>46507</v>
      </c>
    </row>
    <row r="683" spans="1:6" ht="27.75" customHeight="1">
      <c r="A683" s="8" t="s">
        <v>1332</v>
      </c>
      <c r="B683" s="9" t="s">
        <v>1333</v>
      </c>
      <c r="C683" s="29" t="s">
        <v>1043</v>
      </c>
      <c r="D683" s="9" t="s">
        <v>1334</v>
      </c>
      <c r="E683" s="9" t="s">
        <v>234</v>
      </c>
      <c r="F683" s="11">
        <v>47422</v>
      </c>
    </row>
    <row r="684" spans="1:6" ht="27.75" customHeight="1">
      <c r="A684" s="14" t="s">
        <v>1335</v>
      </c>
      <c r="B684" s="9" t="s">
        <v>1336</v>
      </c>
      <c r="C684" s="29" t="s">
        <v>1043</v>
      </c>
      <c r="D684" s="9" t="s">
        <v>1337</v>
      </c>
      <c r="E684" s="9" t="s">
        <v>610</v>
      </c>
      <c r="F684" s="11">
        <v>47422</v>
      </c>
    </row>
    <row r="685" spans="1:6" ht="27.75" customHeight="1">
      <c r="A685" s="12" t="s">
        <v>1338</v>
      </c>
      <c r="B685" s="13" t="s">
        <v>1336</v>
      </c>
      <c r="C685" s="29" t="s">
        <v>1043</v>
      </c>
      <c r="D685" s="13" t="s">
        <v>1337</v>
      </c>
      <c r="E685" s="13" t="s">
        <v>1339</v>
      </c>
      <c r="F685" s="11">
        <v>47938</v>
      </c>
    </row>
    <row r="686" spans="1:6" ht="27.75" customHeight="1">
      <c r="A686" s="14" t="s">
        <v>1340</v>
      </c>
      <c r="B686" s="9" t="s">
        <v>1341</v>
      </c>
      <c r="C686" s="29" t="s">
        <v>1043</v>
      </c>
      <c r="D686" s="9" t="s">
        <v>1342</v>
      </c>
      <c r="E686" s="9" t="s">
        <v>1343</v>
      </c>
      <c r="F686" s="11">
        <v>47422</v>
      </c>
    </row>
    <row r="687" spans="1:6" ht="27.75" customHeight="1">
      <c r="A687" s="17" t="s">
        <v>1344</v>
      </c>
      <c r="B687" s="9" t="s">
        <v>1345</v>
      </c>
      <c r="C687" s="29" t="s">
        <v>1043</v>
      </c>
      <c r="D687" s="9" t="s">
        <v>1346</v>
      </c>
      <c r="E687" s="9" t="s">
        <v>1347</v>
      </c>
      <c r="F687" s="11">
        <v>47664</v>
      </c>
    </row>
    <row r="688" spans="1:6" ht="27.75" customHeight="1">
      <c r="A688" s="14" t="s">
        <v>1348</v>
      </c>
      <c r="B688" s="9" t="s">
        <v>1349</v>
      </c>
      <c r="C688" s="29" t="s">
        <v>1043</v>
      </c>
      <c r="D688" s="9" t="s">
        <v>1350</v>
      </c>
      <c r="E688" s="9" t="s">
        <v>21</v>
      </c>
      <c r="F688" s="11">
        <v>47422</v>
      </c>
    </row>
    <row r="689" spans="1:6" ht="27.75" customHeight="1">
      <c r="A689" s="23" t="s">
        <v>1351</v>
      </c>
      <c r="B689" s="24" t="s">
        <v>1352</v>
      </c>
      <c r="C689" s="29" t="s">
        <v>1043</v>
      </c>
      <c r="D689" s="9" t="s">
        <v>1353</v>
      </c>
      <c r="E689" s="24" t="s">
        <v>1354</v>
      </c>
      <c r="F689" s="11">
        <v>47422</v>
      </c>
    </row>
    <row r="690" spans="1:6" ht="27.75" customHeight="1">
      <c r="A690" s="23" t="s">
        <v>1355</v>
      </c>
      <c r="B690" s="24" t="s">
        <v>1356</v>
      </c>
      <c r="C690" s="29" t="s">
        <v>1043</v>
      </c>
      <c r="D690" s="9" t="s">
        <v>1357</v>
      </c>
      <c r="E690" s="24" t="s">
        <v>17</v>
      </c>
      <c r="F690" s="11">
        <v>47514</v>
      </c>
    </row>
    <row r="691" spans="1:6" ht="27.75" customHeight="1">
      <c r="A691" s="12" t="s">
        <v>1358</v>
      </c>
      <c r="B691" s="18" t="s">
        <v>1359</v>
      </c>
      <c r="C691" s="29" t="s">
        <v>1043</v>
      </c>
      <c r="D691" s="18" t="s">
        <v>1360</v>
      </c>
      <c r="E691" s="18" t="s">
        <v>63</v>
      </c>
      <c r="F691" s="19">
        <v>46965</v>
      </c>
    </row>
    <row r="692" spans="1:6" ht="27.75" customHeight="1">
      <c r="A692" s="8" t="s">
        <v>1361</v>
      </c>
      <c r="B692" s="9" t="s">
        <v>1362</v>
      </c>
      <c r="C692" s="29" t="s">
        <v>1043</v>
      </c>
      <c r="D692" s="9" t="s">
        <v>1363</v>
      </c>
      <c r="E692" s="9" t="s">
        <v>1364</v>
      </c>
      <c r="F692" s="11">
        <v>47422</v>
      </c>
    </row>
    <row r="693" spans="1:6" ht="27.75" customHeight="1">
      <c r="A693" s="8" t="s">
        <v>1365</v>
      </c>
      <c r="B693" s="9" t="s">
        <v>1362</v>
      </c>
      <c r="C693" s="29" t="s">
        <v>1043</v>
      </c>
      <c r="D693" s="9" t="s">
        <v>1366</v>
      </c>
      <c r="E693" s="47" t="s">
        <v>1367</v>
      </c>
      <c r="F693" s="11">
        <v>47787</v>
      </c>
    </row>
    <row r="694" spans="1:6" ht="27.75" customHeight="1">
      <c r="A694" s="8" t="s">
        <v>1368</v>
      </c>
      <c r="B694" s="13" t="s">
        <v>1369</v>
      </c>
      <c r="C694" s="29" t="s">
        <v>1043</v>
      </c>
      <c r="D694" s="13" t="s">
        <v>1370</v>
      </c>
      <c r="E694" s="13" t="s">
        <v>21</v>
      </c>
      <c r="F694" s="11">
        <v>47422</v>
      </c>
    </row>
    <row r="695" spans="1:6" ht="27.75" customHeight="1">
      <c r="A695" s="12" t="s">
        <v>1371</v>
      </c>
      <c r="B695" s="13" t="s">
        <v>1369</v>
      </c>
      <c r="C695" s="29" t="s">
        <v>1043</v>
      </c>
      <c r="D695" s="13" t="s">
        <v>1370</v>
      </c>
      <c r="E695" s="13" t="s">
        <v>21</v>
      </c>
      <c r="F695" s="11">
        <v>47422</v>
      </c>
    </row>
    <row r="696" spans="1:6" ht="27.75" customHeight="1">
      <c r="A696" s="12" t="s">
        <v>1372</v>
      </c>
      <c r="B696" s="18" t="s">
        <v>1369</v>
      </c>
      <c r="C696" s="29" t="s">
        <v>1043</v>
      </c>
      <c r="D696" s="18" t="s">
        <v>1370</v>
      </c>
      <c r="E696" s="18" t="s">
        <v>44</v>
      </c>
      <c r="F696" s="19">
        <v>47422</v>
      </c>
    </row>
    <row r="697" spans="1:6" ht="27.75" customHeight="1">
      <c r="A697" s="14" t="s">
        <v>1373</v>
      </c>
      <c r="B697" s="9" t="s">
        <v>1369</v>
      </c>
      <c r="C697" s="29" t="s">
        <v>1043</v>
      </c>
      <c r="D697" s="9" t="s">
        <v>1370</v>
      </c>
      <c r="E697" s="9" t="s">
        <v>1374</v>
      </c>
      <c r="F697" s="11">
        <v>46843</v>
      </c>
    </row>
    <row r="698" spans="1:6" ht="27.75" customHeight="1">
      <c r="A698" s="20" t="s">
        <v>1375</v>
      </c>
      <c r="B698" s="9" t="s">
        <v>1369</v>
      </c>
      <c r="C698" s="29" t="s">
        <v>1043</v>
      </c>
      <c r="D698" s="13" t="s">
        <v>1370</v>
      </c>
      <c r="E698" s="13" t="s">
        <v>44</v>
      </c>
      <c r="F698" s="11">
        <v>47422</v>
      </c>
    </row>
    <row r="699" spans="1:6" ht="27.75" customHeight="1">
      <c r="A699" s="12" t="s">
        <v>1376</v>
      </c>
      <c r="B699" s="13" t="s">
        <v>1369</v>
      </c>
      <c r="C699" s="29" t="s">
        <v>1043</v>
      </c>
      <c r="D699" s="13" t="s">
        <v>1370</v>
      </c>
      <c r="E699" s="9" t="s">
        <v>196</v>
      </c>
      <c r="F699" s="11">
        <v>47422</v>
      </c>
    </row>
    <row r="700" spans="1:6" ht="27.75" customHeight="1">
      <c r="A700" s="14" t="s">
        <v>1377</v>
      </c>
      <c r="B700" s="9" t="s">
        <v>1369</v>
      </c>
      <c r="C700" s="29" t="s">
        <v>1043</v>
      </c>
      <c r="D700" s="9" t="s">
        <v>1370</v>
      </c>
      <c r="E700" s="9" t="s">
        <v>63</v>
      </c>
      <c r="F700" s="11">
        <v>46081</v>
      </c>
    </row>
    <row r="701" spans="1:6" ht="27.75" customHeight="1">
      <c r="A701" s="20" t="s">
        <v>1378</v>
      </c>
      <c r="B701" s="9" t="s">
        <v>1369</v>
      </c>
      <c r="C701" s="29" t="s">
        <v>1043</v>
      </c>
      <c r="D701" s="13" t="s">
        <v>1370</v>
      </c>
      <c r="E701" s="13" t="s">
        <v>11</v>
      </c>
      <c r="F701" s="11">
        <v>47422</v>
      </c>
    </row>
    <row r="702" spans="1:6" ht="27.75" customHeight="1">
      <c r="A702" s="8" t="s">
        <v>1379</v>
      </c>
      <c r="B702" s="9" t="s">
        <v>1369</v>
      </c>
      <c r="C702" s="29" t="s">
        <v>1043</v>
      </c>
      <c r="D702" s="9" t="s">
        <v>1370</v>
      </c>
      <c r="E702" s="9" t="s">
        <v>234</v>
      </c>
      <c r="F702" s="11">
        <v>46630</v>
      </c>
    </row>
    <row r="703" spans="1:6" ht="27.75" customHeight="1">
      <c r="A703" s="12" t="s">
        <v>1380</v>
      </c>
      <c r="B703" s="13" t="s">
        <v>1369</v>
      </c>
      <c r="C703" s="29" t="s">
        <v>1043</v>
      </c>
      <c r="D703" s="13" t="s">
        <v>1370</v>
      </c>
      <c r="E703" s="13" t="s">
        <v>86</v>
      </c>
      <c r="F703" s="11">
        <v>47483</v>
      </c>
    </row>
    <row r="704" spans="1:6" ht="27.75" customHeight="1">
      <c r="A704" s="14" t="s">
        <v>1381</v>
      </c>
      <c r="B704" s="9" t="s">
        <v>1369</v>
      </c>
      <c r="C704" s="29" t="s">
        <v>1043</v>
      </c>
      <c r="D704" s="9" t="s">
        <v>1370</v>
      </c>
      <c r="E704" s="9" t="s">
        <v>234</v>
      </c>
      <c r="F704" s="11">
        <v>47422</v>
      </c>
    </row>
    <row r="705" spans="1:6" ht="27.75" customHeight="1">
      <c r="A705" s="12" t="s">
        <v>1382</v>
      </c>
      <c r="B705" s="13" t="s">
        <v>1369</v>
      </c>
      <c r="C705" s="29" t="s">
        <v>1043</v>
      </c>
      <c r="D705" s="13" t="s">
        <v>1370</v>
      </c>
      <c r="E705" s="13" t="s">
        <v>44</v>
      </c>
      <c r="F705" s="11">
        <v>47422</v>
      </c>
    </row>
    <row r="706" spans="1:6" ht="27.75" customHeight="1">
      <c r="A706" s="14" t="s">
        <v>1383</v>
      </c>
      <c r="B706" s="9" t="s">
        <v>1369</v>
      </c>
      <c r="C706" s="29" t="s">
        <v>1043</v>
      </c>
      <c r="D706" s="9" t="s">
        <v>1370</v>
      </c>
      <c r="E706" s="9" t="s">
        <v>21</v>
      </c>
      <c r="F706" s="11">
        <v>47422</v>
      </c>
    </row>
    <row r="707" spans="1:6" ht="27.75" customHeight="1">
      <c r="A707" s="14" t="s">
        <v>1384</v>
      </c>
      <c r="B707" s="9" t="s">
        <v>1369</v>
      </c>
      <c r="C707" s="29" t="s">
        <v>1043</v>
      </c>
      <c r="D707" s="9" t="s">
        <v>1370</v>
      </c>
      <c r="E707" s="9" t="s">
        <v>393</v>
      </c>
      <c r="F707" s="11">
        <v>46873</v>
      </c>
    </row>
    <row r="708" spans="1:6" ht="27.75" customHeight="1">
      <c r="A708" s="8" t="s">
        <v>1385</v>
      </c>
      <c r="B708" s="13" t="s">
        <v>1369</v>
      </c>
      <c r="C708" s="29" t="s">
        <v>1043</v>
      </c>
      <c r="D708" s="13" t="s">
        <v>1370</v>
      </c>
      <c r="E708" s="13" t="s">
        <v>21</v>
      </c>
      <c r="F708" s="11">
        <v>46446</v>
      </c>
    </row>
    <row r="709" spans="1:6" ht="27.75" customHeight="1">
      <c r="A709" s="12" t="s">
        <v>1386</v>
      </c>
      <c r="B709" s="13" t="s">
        <v>1369</v>
      </c>
      <c r="C709" s="29" t="s">
        <v>1043</v>
      </c>
      <c r="D709" s="13" t="s">
        <v>1370</v>
      </c>
      <c r="E709" s="13" t="s">
        <v>40</v>
      </c>
      <c r="F709" s="11">
        <v>46904</v>
      </c>
    </row>
    <row r="710" spans="1:6" ht="27.75" customHeight="1">
      <c r="A710" s="14" t="s">
        <v>1387</v>
      </c>
      <c r="B710" s="9" t="s">
        <v>1369</v>
      </c>
      <c r="C710" s="29" t="s">
        <v>1043</v>
      </c>
      <c r="D710" s="9" t="s">
        <v>1370</v>
      </c>
      <c r="E710" s="9" t="s">
        <v>393</v>
      </c>
      <c r="F710" s="11">
        <v>47269</v>
      </c>
    </row>
    <row r="711" spans="1:6" ht="27.75" customHeight="1">
      <c r="A711" s="12" t="s">
        <v>1388</v>
      </c>
      <c r="B711" s="13" t="s">
        <v>1369</v>
      </c>
      <c r="C711" s="29" t="s">
        <v>1043</v>
      </c>
      <c r="D711" s="13" t="s">
        <v>1370</v>
      </c>
      <c r="E711" s="13" t="s">
        <v>17</v>
      </c>
      <c r="F711" s="11">
        <v>46265</v>
      </c>
    </row>
    <row r="712" spans="1:6" ht="27.75" customHeight="1">
      <c r="A712" s="8" t="s">
        <v>1389</v>
      </c>
      <c r="B712" s="9" t="s">
        <v>1369</v>
      </c>
      <c r="C712" s="29" t="s">
        <v>1043</v>
      </c>
      <c r="D712" s="9" t="s">
        <v>1370</v>
      </c>
      <c r="E712" s="9" t="s">
        <v>111</v>
      </c>
      <c r="F712" s="11">
        <v>46173</v>
      </c>
    </row>
    <row r="713" spans="1:6" ht="27.75" customHeight="1">
      <c r="A713" s="12" t="s">
        <v>1390</v>
      </c>
      <c r="B713" s="13" t="s">
        <v>1369</v>
      </c>
      <c r="C713" s="29" t="s">
        <v>1043</v>
      </c>
      <c r="D713" s="13" t="s">
        <v>1370</v>
      </c>
      <c r="E713" s="13" t="s">
        <v>21</v>
      </c>
      <c r="F713" s="11">
        <v>47422</v>
      </c>
    </row>
    <row r="714" spans="1:6" ht="27.75" customHeight="1">
      <c r="A714" s="12" t="s">
        <v>1391</v>
      </c>
      <c r="B714" s="13" t="s">
        <v>1369</v>
      </c>
      <c r="C714" s="29" t="s">
        <v>1043</v>
      </c>
      <c r="D714" s="13" t="s">
        <v>1370</v>
      </c>
      <c r="E714" s="13" t="s">
        <v>44</v>
      </c>
      <c r="F714" s="11">
        <v>47422</v>
      </c>
    </row>
    <row r="715" spans="1:6" ht="27.75" customHeight="1">
      <c r="A715" s="8" t="s">
        <v>1392</v>
      </c>
      <c r="B715" s="13" t="s">
        <v>1369</v>
      </c>
      <c r="C715" s="29" t="s">
        <v>1043</v>
      </c>
      <c r="D715" s="13" t="s">
        <v>1370</v>
      </c>
      <c r="E715" s="13" t="s">
        <v>17</v>
      </c>
      <c r="F715" s="11">
        <v>47422</v>
      </c>
    </row>
    <row r="716" spans="1:6" ht="27.75" customHeight="1">
      <c r="A716" s="12" t="s">
        <v>1393</v>
      </c>
      <c r="B716" s="13" t="s">
        <v>1369</v>
      </c>
      <c r="C716" s="29" t="s">
        <v>1043</v>
      </c>
      <c r="D716" s="13" t="s">
        <v>1370</v>
      </c>
      <c r="E716" s="13" t="s">
        <v>44</v>
      </c>
      <c r="F716" s="11">
        <v>47391</v>
      </c>
    </row>
    <row r="717" spans="1:6" ht="27.75" customHeight="1">
      <c r="A717" s="14" t="s">
        <v>1394</v>
      </c>
      <c r="B717" s="9" t="s">
        <v>1395</v>
      </c>
      <c r="C717" s="29" t="s">
        <v>1043</v>
      </c>
      <c r="D717" s="9" t="s">
        <v>1396</v>
      </c>
      <c r="E717" s="9" t="s">
        <v>40</v>
      </c>
      <c r="F717" s="11">
        <v>47422</v>
      </c>
    </row>
    <row r="718" spans="1:6" ht="27.75" customHeight="1">
      <c r="A718" s="12" t="s">
        <v>1397</v>
      </c>
      <c r="B718" s="13" t="s">
        <v>1395</v>
      </c>
      <c r="C718" s="29" t="s">
        <v>1043</v>
      </c>
      <c r="D718" s="13" t="s">
        <v>1396</v>
      </c>
      <c r="E718" s="13" t="s">
        <v>21</v>
      </c>
      <c r="F718" s="11">
        <v>46446</v>
      </c>
    </row>
    <row r="719" spans="1:6" ht="27.75" customHeight="1">
      <c r="A719" s="14" t="s">
        <v>1398</v>
      </c>
      <c r="B719" s="9" t="s">
        <v>1399</v>
      </c>
      <c r="C719" s="29" t="s">
        <v>1043</v>
      </c>
      <c r="D719" s="9" t="s">
        <v>1400</v>
      </c>
      <c r="E719" s="9" t="s">
        <v>40</v>
      </c>
      <c r="F719" s="11">
        <v>47422</v>
      </c>
    </row>
    <row r="720" spans="1:6" ht="27.75" customHeight="1">
      <c r="A720" s="8" t="s">
        <v>1401</v>
      </c>
      <c r="B720" s="9" t="s">
        <v>1399</v>
      </c>
      <c r="C720" s="29" t="s">
        <v>1043</v>
      </c>
      <c r="D720" s="9" t="s">
        <v>1400</v>
      </c>
      <c r="E720" s="9" t="s">
        <v>40</v>
      </c>
      <c r="F720" s="11">
        <v>47422</v>
      </c>
    </row>
    <row r="721" spans="1:6" ht="27.75" customHeight="1">
      <c r="A721" s="14" t="s">
        <v>1402</v>
      </c>
      <c r="B721" s="9" t="s">
        <v>1399</v>
      </c>
      <c r="C721" s="29" t="s">
        <v>1043</v>
      </c>
      <c r="D721" s="9" t="s">
        <v>1400</v>
      </c>
      <c r="E721" s="9" t="s">
        <v>1403</v>
      </c>
      <c r="F721" s="11">
        <v>46630</v>
      </c>
    </row>
    <row r="722" spans="1:6" ht="27.75" customHeight="1">
      <c r="A722" s="20" t="s">
        <v>1404</v>
      </c>
      <c r="B722" s="9" t="s">
        <v>1405</v>
      </c>
      <c r="C722" s="29" t="s">
        <v>1043</v>
      </c>
      <c r="D722" s="9" t="s">
        <v>1406</v>
      </c>
      <c r="E722" s="48" t="s">
        <v>1407</v>
      </c>
      <c r="F722" s="11">
        <v>47422</v>
      </c>
    </row>
    <row r="723" spans="1:6" ht="27.75" customHeight="1">
      <c r="A723" s="8" t="s">
        <v>1408</v>
      </c>
      <c r="B723" s="13" t="s">
        <v>1409</v>
      </c>
      <c r="C723" s="29" t="s">
        <v>1043</v>
      </c>
      <c r="D723" s="13" t="s">
        <v>1410</v>
      </c>
      <c r="E723" s="13" t="s">
        <v>1411</v>
      </c>
      <c r="F723" s="11">
        <v>46203</v>
      </c>
    </row>
    <row r="724" spans="1:6" ht="27.75" customHeight="1">
      <c r="A724" s="14" t="s">
        <v>1412</v>
      </c>
      <c r="B724" s="9" t="s">
        <v>1409</v>
      </c>
      <c r="C724" s="29" t="s">
        <v>1043</v>
      </c>
      <c r="D724" s="9" t="s">
        <v>1410</v>
      </c>
      <c r="E724" s="9" t="s">
        <v>35</v>
      </c>
      <c r="F724" s="11">
        <v>47664</v>
      </c>
    </row>
    <row r="725" spans="1:6" ht="27.75" customHeight="1">
      <c r="A725" s="12" t="s">
        <v>1413</v>
      </c>
      <c r="B725" s="13" t="s">
        <v>1409</v>
      </c>
      <c r="C725" s="29" t="s">
        <v>1043</v>
      </c>
      <c r="D725" s="13" t="s">
        <v>1410</v>
      </c>
      <c r="E725" s="13" t="s">
        <v>234</v>
      </c>
      <c r="F725" s="11">
        <v>47634</v>
      </c>
    </row>
    <row r="726" spans="1:6" ht="27.75" customHeight="1">
      <c r="A726" s="12" t="s">
        <v>1414</v>
      </c>
      <c r="B726" s="13" t="s">
        <v>1409</v>
      </c>
      <c r="C726" s="29" t="s">
        <v>1043</v>
      </c>
      <c r="D726" s="13" t="s">
        <v>1410</v>
      </c>
      <c r="E726" s="13" t="s">
        <v>21</v>
      </c>
      <c r="F726" s="11">
        <v>47422</v>
      </c>
    </row>
    <row r="727" spans="1:6" ht="27.75" customHeight="1">
      <c r="A727" s="8" t="s">
        <v>1415</v>
      </c>
      <c r="B727" s="13" t="s">
        <v>1409</v>
      </c>
      <c r="C727" s="29" t="s">
        <v>1043</v>
      </c>
      <c r="D727" s="13" t="s">
        <v>1410</v>
      </c>
      <c r="E727" s="13" t="s">
        <v>21</v>
      </c>
      <c r="F727" s="11">
        <v>47422</v>
      </c>
    </row>
    <row r="728" spans="1:6" ht="27.75" customHeight="1">
      <c r="A728" s="14" t="s">
        <v>1416</v>
      </c>
      <c r="B728" s="9" t="s">
        <v>1409</v>
      </c>
      <c r="C728" s="29" t="s">
        <v>1043</v>
      </c>
      <c r="D728" s="9" t="s">
        <v>1410</v>
      </c>
      <c r="E728" s="9" t="s">
        <v>35</v>
      </c>
      <c r="F728" s="11">
        <v>47664</v>
      </c>
    </row>
    <row r="729" spans="1:6" ht="27.75" customHeight="1">
      <c r="A729" s="12" t="s">
        <v>1417</v>
      </c>
      <c r="B729" s="13" t="s">
        <v>1409</v>
      </c>
      <c r="C729" s="29" t="s">
        <v>1043</v>
      </c>
      <c r="D729" s="13" t="s">
        <v>1410</v>
      </c>
      <c r="E729" s="13" t="s">
        <v>40</v>
      </c>
      <c r="F729" s="11">
        <v>47452</v>
      </c>
    </row>
    <row r="730" spans="1:6" ht="27.75" customHeight="1">
      <c r="A730" s="8" t="s">
        <v>1418</v>
      </c>
      <c r="B730" s="13" t="s">
        <v>1419</v>
      </c>
      <c r="C730" s="29" t="s">
        <v>1043</v>
      </c>
      <c r="D730" s="13" t="s">
        <v>1420</v>
      </c>
      <c r="E730" s="13" t="s">
        <v>205</v>
      </c>
      <c r="F730" s="11">
        <v>47087</v>
      </c>
    </row>
    <row r="731" spans="1:6" ht="27.75" customHeight="1">
      <c r="A731" s="14" t="s">
        <v>1421</v>
      </c>
      <c r="B731" s="9" t="s">
        <v>1419</v>
      </c>
      <c r="C731" s="29" t="s">
        <v>1043</v>
      </c>
      <c r="D731" s="9" t="s">
        <v>1422</v>
      </c>
      <c r="E731" s="9" t="s">
        <v>205</v>
      </c>
      <c r="F731" s="11">
        <v>47483</v>
      </c>
    </row>
    <row r="732" spans="1:6" ht="27.75" customHeight="1">
      <c r="A732" s="8" t="s">
        <v>1423</v>
      </c>
      <c r="B732" s="9" t="s">
        <v>1419</v>
      </c>
      <c r="C732" s="29" t="s">
        <v>1043</v>
      </c>
      <c r="D732" s="9" t="s">
        <v>1422</v>
      </c>
      <c r="E732" s="9" t="s">
        <v>205</v>
      </c>
      <c r="F732" s="11">
        <v>47483</v>
      </c>
    </row>
    <row r="733" spans="1:6" ht="27.75" customHeight="1">
      <c r="A733" s="12" t="s">
        <v>1424</v>
      </c>
      <c r="B733" s="18" t="s">
        <v>1419</v>
      </c>
      <c r="C733" s="29" t="s">
        <v>1043</v>
      </c>
      <c r="D733" s="18" t="s">
        <v>1422</v>
      </c>
      <c r="E733" s="18" t="s">
        <v>21</v>
      </c>
      <c r="F733" s="19">
        <v>46934</v>
      </c>
    </row>
    <row r="734" spans="1:6" ht="27.75" customHeight="1">
      <c r="A734" s="8" t="s">
        <v>1425</v>
      </c>
      <c r="B734" s="9" t="s">
        <v>1419</v>
      </c>
      <c r="C734" s="29" t="s">
        <v>1043</v>
      </c>
      <c r="D734" s="9" t="s">
        <v>1422</v>
      </c>
      <c r="E734" s="9" t="s">
        <v>21</v>
      </c>
      <c r="F734" s="11">
        <v>47483</v>
      </c>
    </row>
    <row r="735" spans="1:6" ht="27.75" customHeight="1">
      <c r="A735" s="17" t="s">
        <v>1426</v>
      </c>
      <c r="B735" s="9" t="s">
        <v>1427</v>
      </c>
      <c r="C735" s="29" t="s">
        <v>1043</v>
      </c>
      <c r="D735" s="9" t="s">
        <v>1428</v>
      </c>
      <c r="E735" s="49" t="s">
        <v>1429</v>
      </c>
      <c r="F735" s="11">
        <v>46203</v>
      </c>
    </row>
    <row r="736" spans="1:6" ht="27.75" customHeight="1">
      <c r="A736" s="17" t="s">
        <v>1430</v>
      </c>
      <c r="B736" s="24" t="s">
        <v>1431</v>
      </c>
      <c r="C736" s="29" t="s">
        <v>1043</v>
      </c>
      <c r="D736" s="9" t="s">
        <v>1432</v>
      </c>
      <c r="E736" s="26" t="s">
        <v>75</v>
      </c>
      <c r="F736" s="11">
        <v>47573</v>
      </c>
    </row>
    <row r="737" spans="1:6" ht="27.75" customHeight="1">
      <c r="A737" s="17" t="s">
        <v>1433</v>
      </c>
      <c r="B737" s="9" t="s">
        <v>1434</v>
      </c>
      <c r="C737" s="29" t="s">
        <v>1043</v>
      </c>
      <c r="D737" s="9" t="s">
        <v>1435</v>
      </c>
      <c r="E737" s="9" t="s">
        <v>205</v>
      </c>
      <c r="F737" s="11">
        <v>47695</v>
      </c>
    </row>
    <row r="738" spans="1:6" ht="27.75" customHeight="1">
      <c r="A738" s="12" t="s">
        <v>1436</v>
      </c>
      <c r="B738" s="13" t="s">
        <v>1437</v>
      </c>
      <c r="C738" s="29" t="s">
        <v>1043</v>
      </c>
      <c r="D738" s="13" t="s">
        <v>1438</v>
      </c>
      <c r="E738" s="13" t="s">
        <v>17</v>
      </c>
      <c r="F738" s="11">
        <v>47452</v>
      </c>
    </row>
    <row r="739" spans="1:6" ht="27.75" customHeight="1">
      <c r="A739" s="12" t="s">
        <v>1439</v>
      </c>
      <c r="B739" s="13" t="s">
        <v>1440</v>
      </c>
      <c r="C739" s="29" t="s">
        <v>1441</v>
      </c>
      <c r="D739" s="13" t="s">
        <v>1442</v>
      </c>
      <c r="E739" s="13" t="s">
        <v>17</v>
      </c>
      <c r="F739" s="11">
        <v>47603</v>
      </c>
    </row>
    <row r="740" spans="1:6" ht="27.75" customHeight="1">
      <c r="A740" s="14" t="s">
        <v>1443</v>
      </c>
      <c r="B740" s="9" t="s">
        <v>1444</v>
      </c>
      <c r="C740" s="29" t="s">
        <v>1441</v>
      </c>
      <c r="D740" s="13" t="s">
        <v>1445</v>
      </c>
      <c r="E740" s="9" t="s">
        <v>40</v>
      </c>
      <c r="F740" s="11">
        <v>47422</v>
      </c>
    </row>
    <row r="741" spans="1:6" ht="27.75" customHeight="1">
      <c r="A741" s="14" t="s">
        <v>1446</v>
      </c>
      <c r="B741" s="9" t="s">
        <v>1444</v>
      </c>
      <c r="C741" s="29" t="s">
        <v>1441</v>
      </c>
      <c r="D741" s="13" t="s">
        <v>1445</v>
      </c>
      <c r="E741" s="9" t="s">
        <v>21</v>
      </c>
      <c r="F741" s="11">
        <v>47422</v>
      </c>
    </row>
    <row r="742" spans="1:6" ht="27.75" customHeight="1">
      <c r="A742" s="14" t="s">
        <v>1447</v>
      </c>
      <c r="B742" s="9" t="s">
        <v>1444</v>
      </c>
      <c r="C742" s="29" t="s">
        <v>1441</v>
      </c>
      <c r="D742" s="9" t="s">
        <v>1445</v>
      </c>
      <c r="E742" s="9" t="s">
        <v>44</v>
      </c>
      <c r="F742" s="11">
        <v>47422</v>
      </c>
    </row>
    <row r="743" spans="1:6" ht="27.75" customHeight="1">
      <c r="A743" s="12" t="s">
        <v>1448</v>
      </c>
      <c r="B743" s="13" t="s">
        <v>1444</v>
      </c>
      <c r="C743" s="29" t="s">
        <v>1441</v>
      </c>
      <c r="D743" s="13" t="s">
        <v>1445</v>
      </c>
      <c r="E743" s="13" t="s">
        <v>502</v>
      </c>
      <c r="F743" s="11">
        <v>47422</v>
      </c>
    </row>
    <row r="744" spans="1:6" ht="27.75" customHeight="1">
      <c r="A744" s="23" t="s">
        <v>1449</v>
      </c>
      <c r="B744" s="9" t="s">
        <v>1444</v>
      </c>
      <c r="C744" s="29" t="s">
        <v>1441</v>
      </c>
      <c r="D744" s="9" t="s">
        <v>1445</v>
      </c>
      <c r="E744" s="24" t="s">
        <v>21</v>
      </c>
      <c r="F744" s="11">
        <v>47422</v>
      </c>
    </row>
    <row r="745" spans="1:6" ht="27.75" customHeight="1">
      <c r="A745" s="8" t="s">
        <v>1450</v>
      </c>
      <c r="B745" s="9" t="s">
        <v>1444</v>
      </c>
      <c r="C745" s="29" t="s">
        <v>1441</v>
      </c>
      <c r="D745" s="9" t="s">
        <v>1445</v>
      </c>
      <c r="E745" s="9" t="s">
        <v>228</v>
      </c>
      <c r="F745" s="11">
        <v>47422</v>
      </c>
    </row>
    <row r="746" spans="1:6" ht="27.75" customHeight="1">
      <c r="A746" s="14" t="s">
        <v>1451</v>
      </c>
      <c r="B746" s="9" t="s">
        <v>1444</v>
      </c>
      <c r="C746" s="29" t="s">
        <v>1441</v>
      </c>
      <c r="D746" s="9" t="s">
        <v>1445</v>
      </c>
      <c r="E746" s="9" t="s">
        <v>40</v>
      </c>
      <c r="F746" s="11">
        <v>47422</v>
      </c>
    </row>
    <row r="747" spans="1:6" ht="27.75" customHeight="1">
      <c r="A747" s="14" t="s">
        <v>1452</v>
      </c>
      <c r="B747" s="9" t="s">
        <v>1444</v>
      </c>
      <c r="C747" s="10" t="s">
        <v>1441</v>
      </c>
      <c r="D747" s="9" t="s">
        <v>1445</v>
      </c>
      <c r="E747" s="9" t="s">
        <v>369</v>
      </c>
      <c r="F747" s="11">
        <v>47422</v>
      </c>
    </row>
    <row r="748" spans="1:6" ht="27.75" customHeight="1">
      <c r="A748" s="12" t="s">
        <v>1453</v>
      </c>
      <c r="B748" s="13" t="s">
        <v>1444</v>
      </c>
      <c r="C748" s="10" t="s">
        <v>1441</v>
      </c>
      <c r="D748" s="13" t="s">
        <v>1445</v>
      </c>
      <c r="E748" s="13" t="s">
        <v>228</v>
      </c>
      <c r="F748" s="11">
        <v>47422</v>
      </c>
    </row>
    <row r="749" spans="1:6" ht="27.75" customHeight="1">
      <c r="A749" s="14" t="s">
        <v>1454</v>
      </c>
      <c r="B749" s="9" t="s">
        <v>1444</v>
      </c>
      <c r="C749" s="10" t="s">
        <v>1441</v>
      </c>
      <c r="D749" s="9" t="s">
        <v>1445</v>
      </c>
      <c r="E749" s="9" t="s">
        <v>44</v>
      </c>
      <c r="F749" s="11">
        <v>47422</v>
      </c>
    </row>
    <row r="750" spans="1:6" ht="27.75" customHeight="1">
      <c r="A750" s="14" t="s">
        <v>1455</v>
      </c>
      <c r="B750" s="9" t="s">
        <v>1444</v>
      </c>
      <c r="C750" s="10" t="s">
        <v>1441</v>
      </c>
      <c r="D750" s="9" t="s">
        <v>1445</v>
      </c>
      <c r="E750" s="9" t="s">
        <v>21</v>
      </c>
      <c r="F750" s="11">
        <v>46568</v>
      </c>
    </row>
    <row r="751" spans="1:6" ht="27.75" customHeight="1">
      <c r="A751" s="14" t="s">
        <v>1456</v>
      </c>
      <c r="B751" s="9" t="s">
        <v>1444</v>
      </c>
      <c r="C751" s="10" t="s">
        <v>1441</v>
      </c>
      <c r="D751" s="9" t="s">
        <v>1445</v>
      </c>
      <c r="E751" s="9" t="s">
        <v>234</v>
      </c>
      <c r="F751" s="11">
        <v>47422</v>
      </c>
    </row>
    <row r="752" spans="1:6" ht="27.75" customHeight="1">
      <c r="A752" s="12" t="s">
        <v>1457</v>
      </c>
      <c r="B752" s="13" t="s">
        <v>1444</v>
      </c>
      <c r="C752" s="10" t="s">
        <v>1441</v>
      </c>
      <c r="D752" s="13" t="s">
        <v>1445</v>
      </c>
      <c r="E752" s="13" t="s">
        <v>228</v>
      </c>
      <c r="F752" s="11">
        <v>47422</v>
      </c>
    </row>
    <row r="753" spans="1:6" ht="27.75" customHeight="1">
      <c r="A753" s="12" t="s">
        <v>1458</v>
      </c>
      <c r="B753" s="13" t="s">
        <v>1444</v>
      </c>
      <c r="C753" s="10" t="s">
        <v>1441</v>
      </c>
      <c r="D753" s="13" t="s">
        <v>1445</v>
      </c>
      <c r="E753" s="13" t="s">
        <v>321</v>
      </c>
      <c r="F753" s="11">
        <v>47422</v>
      </c>
    </row>
    <row r="754" spans="1:6" ht="27.75" customHeight="1">
      <c r="A754" s="12" t="s">
        <v>1459</v>
      </c>
      <c r="B754" s="13" t="s">
        <v>1444</v>
      </c>
      <c r="C754" s="10" t="s">
        <v>1441</v>
      </c>
      <c r="D754" s="13" t="s">
        <v>1445</v>
      </c>
      <c r="E754" s="13" t="s">
        <v>1460</v>
      </c>
      <c r="F754" s="11">
        <v>47483</v>
      </c>
    </row>
    <row r="755" spans="1:6" ht="27.75" customHeight="1">
      <c r="A755" s="12" t="s">
        <v>1461</v>
      </c>
      <c r="B755" s="13" t="s">
        <v>1444</v>
      </c>
      <c r="C755" s="10" t="s">
        <v>1441</v>
      </c>
      <c r="D755" s="13" t="s">
        <v>1445</v>
      </c>
      <c r="E755" s="13" t="s">
        <v>1462</v>
      </c>
      <c r="F755" s="11">
        <v>47603</v>
      </c>
    </row>
    <row r="756" spans="1:6" ht="27.75" customHeight="1">
      <c r="A756" s="14" t="s">
        <v>1463</v>
      </c>
      <c r="B756" s="9" t="s">
        <v>1444</v>
      </c>
      <c r="C756" s="10" t="s">
        <v>1441</v>
      </c>
      <c r="D756" s="9" t="s">
        <v>1445</v>
      </c>
      <c r="E756" s="9" t="s">
        <v>196</v>
      </c>
      <c r="F756" s="11">
        <v>47422</v>
      </c>
    </row>
    <row r="757" spans="1:6" ht="27.75" customHeight="1">
      <c r="A757" s="12" t="s">
        <v>1464</v>
      </c>
      <c r="B757" s="13" t="s">
        <v>1465</v>
      </c>
      <c r="C757" s="10" t="s">
        <v>1441</v>
      </c>
      <c r="D757" s="13" t="s">
        <v>1466</v>
      </c>
      <c r="E757" s="13" t="s">
        <v>21</v>
      </c>
      <c r="F757" s="11">
        <v>47695</v>
      </c>
    </row>
    <row r="758" spans="1:6" ht="27.75" customHeight="1">
      <c r="A758" s="15" t="s">
        <v>1467</v>
      </c>
      <c r="B758" s="24" t="s">
        <v>1468</v>
      </c>
      <c r="C758" s="10" t="s">
        <v>1441</v>
      </c>
      <c r="D758" s="13" t="s">
        <v>1469</v>
      </c>
      <c r="E758" s="13" t="s">
        <v>21</v>
      </c>
      <c r="F758" s="11">
        <v>47422</v>
      </c>
    </row>
    <row r="759" spans="1:6" ht="27.75" customHeight="1">
      <c r="A759" s="12" t="s">
        <v>1470</v>
      </c>
      <c r="B759" s="18" t="s">
        <v>1471</v>
      </c>
      <c r="C759" s="10" t="s">
        <v>1441</v>
      </c>
      <c r="D759" s="18" t="s">
        <v>1472</v>
      </c>
      <c r="E759" s="18" t="s">
        <v>17</v>
      </c>
      <c r="F759" s="19">
        <v>46752</v>
      </c>
    </row>
    <row r="760" spans="1:6" ht="27.75" customHeight="1">
      <c r="A760" s="14" t="s">
        <v>1473</v>
      </c>
      <c r="B760" s="9" t="s">
        <v>1471</v>
      </c>
      <c r="C760" s="10" t="s">
        <v>1441</v>
      </c>
      <c r="D760" s="9" t="s">
        <v>1472</v>
      </c>
      <c r="E760" s="9" t="s">
        <v>11</v>
      </c>
      <c r="F760" s="11">
        <v>47422</v>
      </c>
    </row>
    <row r="761" spans="1:6" ht="27.75" customHeight="1">
      <c r="A761" s="14" t="s">
        <v>1474</v>
      </c>
      <c r="B761" s="9" t="s">
        <v>1471</v>
      </c>
      <c r="C761" s="10" t="s">
        <v>1441</v>
      </c>
      <c r="D761" s="9" t="s">
        <v>1472</v>
      </c>
      <c r="E761" s="9" t="s">
        <v>232</v>
      </c>
      <c r="F761" s="11">
        <v>46507</v>
      </c>
    </row>
    <row r="762" spans="1:6" ht="27.75" customHeight="1">
      <c r="A762" s="15" t="s">
        <v>1475</v>
      </c>
      <c r="B762" s="24" t="s">
        <v>1471</v>
      </c>
      <c r="C762" s="10" t="s">
        <v>1441</v>
      </c>
      <c r="D762" s="9" t="s">
        <v>1472</v>
      </c>
      <c r="E762" s="13" t="s">
        <v>253</v>
      </c>
      <c r="F762" s="11">
        <v>47208</v>
      </c>
    </row>
    <row r="763" spans="1:6" ht="27.75" customHeight="1">
      <c r="A763" s="8" t="s">
        <v>1476</v>
      </c>
      <c r="B763" s="9" t="s">
        <v>1471</v>
      </c>
      <c r="C763" s="10" t="s">
        <v>1441</v>
      </c>
      <c r="D763" s="9" t="s">
        <v>1472</v>
      </c>
      <c r="E763" s="9" t="s">
        <v>196</v>
      </c>
      <c r="F763" s="11">
        <v>47422</v>
      </c>
    </row>
    <row r="764" spans="1:6" ht="27.75" customHeight="1">
      <c r="A764" s="12" t="s">
        <v>1477</v>
      </c>
      <c r="B764" s="13" t="s">
        <v>1471</v>
      </c>
      <c r="C764" s="10" t="s">
        <v>1441</v>
      </c>
      <c r="D764" s="13" t="s">
        <v>1472</v>
      </c>
      <c r="E764" s="13" t="s">
        <v>40</v>
      </c>
      <c r="F764" s="11">
        <v>47422</v>
      </c>
    </row>
    <row r="765" spans="1:6" ht="27.75" customHeight="1">
      <c r="A765" s="14" t="s">
        <v>1478</v>
      </c>
      <c r="B765" s="9" t="s">
        <v>1471</v>
      </c>
      <c r="C765" s="10" t="s">
        <v>1441</v>
      </c>
      <c r="D765" s="9" t="s">
        <v>1472</v>
      </c>
      <c r="E765" s="9" t="s">
        <v>1479</v>
      </c>
      <c r="F765" s="11">
        <v>46843</v>
      </c>
    </row>
    <row r="766" spans="1:6" ht="27.75" customHeight="1">
      <c r="A766" s="23" t="s">
        <v>1480</v>
      </c>
      <c r="B766" s="24" t="s">
        <v>1471</v>
      </c>
      <c r="C766" s="10" t="s">
        <v>1441</v>
      </c>
      <c r="D766" s="9" t="s">
        <v>1472</v>
      </c>
      <c r="E766" s="24" t="s">
        <v>232</v>
      </c>
      <c r="F766" s="11">
        <v>47514</v>
      </c>
    </row>
    <row r="767" spans="1:6" ht="27.75" customHeight="1">
      <c r="A767" s="20" t="s">
        <v>1481</v>
      </c>
      <c r="B767" s="9" t="s">
        <v>1471</v>
      </c>
      <c r="C767" s="10" t="s">
        <v>1441</v>
      </c>
      <c r="D767" s="9" t="s">
        <v>1472</v>
      </c>
      <c r="E767" s="13" t="s">
        <v>253</v>
      </c>
      <c r="F767" s="11">
        <v>47118</v>
      </c>
    </row>
    <row r="768" spans="1:6" ht="27.75" customHeight="1">
      <c r="A768" s="14" t="s">
        <v>1482</v>
      </c>
      <c r="B768" s="9" t="s">
        <v>1471</v>
      </c>
      <c r="C768" s="10" t="s">
        <v>1441</v>
      </c>
      <c r="D768" s="9" t="s">
        <v>1472</v>
      </c>
      <c r="E768" s="9" t="s">
        <v>321</v>
      </c>
      <c r="F768" s="11">
        <v>46904</v>
      </c>
    </row>
    <row r="769" spans="1:6" ht="27.75" customHeight="1">
      <c r="A769" s="8" t="s">
        <v>1483</v>
      </c>
      <c r="B769" s="9" t="s">
        <v>1471</v>
      </c>
      <c r="C769" s="10" t="s">
        <v>1441</v>
      </c>
      <c r="D769" s="9" t="s">
        <v>1472</v>
      </c>
      <c r="E769" s="9" t="s">
        <v>234</v>
      </c>
      <c r="F769" s="11">
        <v>47452</v>
      </c>
    </row>
    <row r="770" spans="1:6" ht="27.75" customHeight="1">
      <c r="A770" s="17" t="s">
        <v>1484</v>
      </c>
      <c r="B770" s="9" t="s">
        <v>1471</v>
      </c>
      <c r="C770" s="10" t="s">
        <v>1441</v>
      </c>
      <c r="D770" s="9" t="s">
        <v>1472</v>
      </c>
      <c r="E770" s="9" t="s">
        <v>40</v>
      </c>
      <c r="F770" s="11">
        <v>46142</v>
      </c>
    </row>
    <row r="771" spans="1:6" ht="27.75" customHeight="1">
      <c r="A771" s="8" t="s">
        <v>1485</v>
      </c>
      <c r="B771" s="18" t="s">
        <v>1471</v>
      </c>
      <c r="C771" s="10" t="s">
        <v>1441</v>
      </c>
      <c r="D771" s="18" t="s">
        <v>1472</v>
      </c>
      <c r="E771" s="18" t="s">
        <v>253</v>
      </c>
      <c r="F771" s="19">
        <v>47208</v>
      </c>
    </row>
    <row r="772" spans="1:6" ht="27.75" customHeight="1">
      <c r="A772" s="12" t="s">
        <v>1486</v>
      </c>
      <c r="B772" s="13" t="s">
        <v>1487</v>
      </c>
      <c r="C772" s="10" t="s">
        <v>1441</v>
      </c>
      <c r="D772" s="13" t="s">
        <v>1488</v>
      </c>
      <c r="E772" s="13" t="s">
        <v>75</v>
      </c>
      <c r="F772" s="11">
        <v>47422</v>
      </c>
    </row>
    <row r="773" spans="1:6" ht="27.75" customHeight="1">
      <c r="A773" s="12" t="s">
        <v>1489</v>
      </c>
      <c r="B773" s="13" t="s">
        <v>1490</v>
      </c>
      <c r="C773" s="10" t="s">
        <v>1441</v>
      </c>
      <c r="D773" s="13" t="s">
        <v>1491</v>
      </c>
      <c r="E773" s="13" t="s">
        <v>1492</v>
      </c>
      <c r="F773" s="11">
        <v>47422</v>
      </c>
    </row>
    <row r="774" spans="1:6" ht="27.75" customHeight="1">
      <c r="A774" s="14" t="s">
        <v>1493</v>
      </c>
      <c r="B774" s="13" t="s">
        <v>1494</v>
      </c>
      <c r="C774" s="10" t="s">
        <v>1441</v>
      </c>
      <c r="D774" s="13" t="s">
        <v>1495</v>
      </c>
      <c r="E774" s="13" t="s">
        <v>25</v>
      </c>
      <c r="F774" s="11">
        <v>47422</v>
      </c>
    </row>
    <row r="775" spans="1:6" ht="27.75" customHeight="1">
      <c r="A775" s="14" t="s">
        <v>1496</v>
      </c>
      <c r="B775" s="9" t="s">
        <v>1497</v>
      </c>
      <c r="C775" s="10" t="s">
        <v>1441</v>
      </c>
      <c r="D775" s="9" t="s">
        <v>1498</v>
      </c>
      <c r="E775" s="9" t="s">
        <v>17</v>
      </c>
      <c r="F775" s="11">
        <v>47422</v>
      </c>
    </row>
    <row r="776" spans="1:6" ht="27.75" customHeight="1">
      <c r="A776" s="12" t="s">
        <v>1499</v>
      </c>
      <c r="B776" s="13" t="s">
        <v>1500</v>
      </c>
      <c r="C776" s="10" t="s">
        <v>1441</v>
      </c>
      <c r="D776" s="13" t="s">
        <v>1501</v>
      </c>
      <c r="E776" s="13" t="s">
        <v>75</v>
      </c>
      <c r="F776" s="11">
        <v>47422</v>
      </c>
    </row>
    <row r="777" spans="1:6" ht="27.75" customHeight="1">
      <c r="A777" s="12" t="s">
        <v>1502</v>
      </c>
      <c r="B777" s="13" t="s">
        <v>1503</v>
      </c>
      <c r="C777" s="10" t="s">
        <v>1441</v>
      </c>
      <c r="D777" s="13" t="s">
        <v>1504</v>
      </c>
      <c r="E777" s="13" t="s">
        <v>1505</v>
      </c>
      <c r="F777" s="11">
        <v>46326</v>
      </c>
    </row>
    <row r="778" spans="1:6" ht="27.75" customHeight="1">
      <c r="A778" s="14" t="s">
        <v>1506</v>
      </c>
      <c r="B778" s="9" t="s">
        <v>1507</v>
      </c>
      <c r="C778" s="10" t="s">
        <v>1441</v>
      </c>
      <c r="D778" s="9" t="s">
        <v>1508</v>
      </c>
      <c r="E778" s="9" t="s">
        <v>11</v>
      </c>
      <c r="F778" s="11">
        <v>47422</v>
      </c>
    </row>
    <row r="779" spans="1:6" ht="27.75" customHeight="1">
      <c r="A779" s="8" t="s">
        <v>1509</v>
      </c>
      <c r="B779" s="13" t="s">
        <v>1510</v>
      </c>
      <c r="C779" s="10" t="s">
        <v>1441</v>
      </c>
      <c r="D779" s="13" t="s">
        <v>1508</v>
      </c>
      <c r="E779" s="13" t="s">
        <v>196</v>
      </c>
      <c r="F779" s="11">
        <v>47573</v>
      </c>
    </row>
    <row r="780" spans="1:6" ht="27.75" customHeight="1">
      <c r="A780" s="20" t="s">
        <v>1511</v>
      </c>
      <c r="B780" s="9" t="s">
        <v>1512</v>
      </c>
      <c r="C780" s="10" t="s">
        <v>1441</v>
      </c>
      <c r="D780" s="9" t="s">
        <v>1513</v>
      </c>
      <c r="E780" s="50" t="s">
        <v>1514</v>
      </c>
      <c r="F780" s="11">
        <v>47422</v>
      </c>
    </row>
    <row r="781" spans="1:6" ht="27.75" customHeight="1">
      <c r="A781" s="12" t="s">
        <v>1515</v>
      </c>
      <c r="B781" s="13" t="s">
        <v>1512</v>
      </c>
      <c r="C781" s="10" t="s">
        <v>1441</v>
      </c>
      <c r="D781" s="9" t="s">
        <v>1516</v>
      </c>
      <c r="E781" s="13" t="s">
        <v>1517</v>
      </c>
      <c r="F781" s="11">
        <v>46568</v>
      </c>
    </row>
    <row r="782" spans="1:6" ht="27.75" customHeight="1">
      <c r="A782" s="12" t="s">
        <v>1518</v>
      </c>
      <c r="B782" s="13" t="s">
        <v>1512</v>
      </c>
      <c r="C782" s="10" t="s">
        <v>1441</v>
      </c>
      <c r="D782" s="13" t="s">
        <v>1519</v>
      </c>
      <c r="E782" s="13" t="s">
        <v>75</v>
      </c>
      <c r="F782" s="11">
        <v>47299</v>
      </c>
    </row>
    <row r="783" spans="1:6" ht="27.75" customHeight="1">
      <c r="A783" s="12" t="s">
        <v>1520</v>
      </c>
      <c r="B783" s="13" t="s">
        <v>1521</v>
      </c>
      <c r="C783" s="10" t="s">
        <v>1441</v>
      </c>
      <c r="D783" s="13" t="s">
        <v>1522</v>
      </c>
      <c r="E783" s="13" t="s">
        <v>17</v>
      </c>
      <c r="F783" s="11">
        <v>47422</v>
      </c>
    </row>
    <row r="784" spans="1:6" ht="27.75" customHeight="1">
      <c r="A784" s="14" t="s">
        <v>1523</v>
      </c>
      <c r="B784" s="9" t="s">
        <v>1524</v>
      </c>
      <c r="C784" s="10" t="s">
        <v>1441</v>
      </c>
      <c r="D784" s="9" t="s">
        <v>1525</v>
      </c>
      <c r="E784" s="9" t="s">
        <v>97</v>
      </c>
      <c r="F784" s="11">
        <v>47422</v>
      </c>
    </row>
    <row r="785" spans="1:6" ht="27.75" customHeight="1">
      <c r="A785" s="8" t="s">
        <v>1526</v>
      </c>
      <c r="B785" s="9" t="s">
        <v>1527</v>
      </c>
      <c r="C785" s="10" t="s">
        <v>1441</v>
      </c>
      <c r="D785" s="9" t="s">
        <v>1528</v>
      </c>
      <c r="E785" s="9" t="s">
        <v>63</v>
      </c>
      <c r="F785" s="11">
        <v>47726</v>
      </c>
    </row>
    <row r="786" spans="1:6" ht="27.75" customHeight="1">
      <c r="A786" s="12" t="s">
        <v>1529</v>
      </c>
      <c r="B786" s="13" t="s">
        <v>1527</v>
      </c>
      <c r="C786" s="10" t="s">
        <v>1441</v>
      </c>
      <c r="D786" s="13" t="s">
        <v>1528</v>
      </c>
      <c r="E786" s="13" t="s">
        <v>40</v>
      </c>
      <c r="F786" s="11">
        <v>47452</v>
      </c>
    </row>
    <row r="787" spans="1:6" ht="27.75" customHeight="1">
      <c r="A787" s="20" t="s">
        <v>1530</v>
      </c>
      <c r="B787" s="9" t="s">
        <v>1527</v>
      </c>
      <c r="C787" s="10" t="s">
        <v>1441</v>
      </c>
      <c r="D787" s="13" t="s">
        <v>1528</v>
      </c>
      <c r="E787" s="13" t="s">
        <v>228</v>
      </c>
      <c r="F787" s="11">
        <v>47422</v>
      </c>
    </row>
    <row r="788" spans="1:6" ht="27.75" customHeight="1">
      <c r="A788" s="14" t="s">
        <v>1531</v>
      </c>
      <c r="B788" s="9" t="s">
        <v>1527</v>
      </c>
      <c r="C788" s="10" t="s">
        <v>1441</v>
      </c>
      <c r="D788" s="9" t="s">
        <v>1528</v>
      </c>
      <c r="E788" s="9" t="s">
        <v>234</v>
      </c>
      <c r="F788" s="11">
        <v>47208</v>
      </c>
    </row>
    <row r="789" spans="1:6" ht="27.75" customHeight="1">
      <c r="A789" s="15" t="s">
        <v>1532</v>
      </c>
      <c r="B789" s="24" t="s">
        <v>1527</v>
      </c>
      <c r="C789" s="10" t="s">
        <v>1441</v>
      </c>
      <c r="D789" s="13" t="s">
        <v>1528</v>
      </c>
      <c r="E789" s="13" t="s">
        <v>44</v>
      </c>
      <c r="F789" s="11">
        <v>47422</v>
      </c>
    </row>
    <row r="790" spans="1:6" ht="27.75" customHeight="1">
      <c r="A790" s="14" t="s">
        <v>1533</v>
      </c>
      <c r="B790" s="9" t="s">
        <v>1527</v>
      </c>
      <c r="C790" s="10" t="s">
        <v>1441</v>
      </c>
      <c r="D790" s="13" t="s">
        <v>1528</v>
      </c>
      <c r="E790" s="9" t="s">
        <v>228</v>
      </c>
      <c r="F790" s="11">
        <v>46843</v>
      </c>
    </row>
    <row r="791" spans="1:6" ht="27.75" customHeight="1">
      <c r="A791" s="12" t="s">
        <v>1534</v>
      </c>
      <c r="B791" s="13" t="s">
        <v>1527</v>
      </c>
      <c r="C791" s="10" t="s">
        <v>1441</v>
      </c>
      <c r="D791" s="13" t="s">
        <v>1528</v>
      </c>
      <c r="E791" s="13" t="s">
        <v>40</v>
      </c>
      <c r="F791" s="11">
        <v>47452</v>
      </c>
    </row>
    <row r="792" spans="1:6" ht="27.75" customHeight="1">
      <c r="A792" s="14" t="s">
        <v>1535</v>
      </c>
      <c r="B792" s="9" t="s">
        <v>1527</v>
      </c>
      <c r="C792" s="10" t="s">
        <v>1441</v>
      </c>
      <c r="D792" s="9" t="s">
        <v>1528</v>
      </c>
      <c r="E792" s="9" t="s">
        <v>1374</v>
      </c>
      <c r="F792" s="11">
        <v>46568</v>
      </c>
    </row>
    <row r="793" spans="1:6" ht="27.75" customHeight="1">
      <c r="A793" s="14" t="s">
        <v>1536</v>
      </c>
      <c r="B793" s="9" t="s">
        <v>1527</v>
      </c>
      <c r="C793" s="10" t="s">
        <v>1441</v>
      </c>
      <c r="D793" s="9" t="s">
        <v>1528</v>
      </c>
      <c r="E793" s="9" t="s">
        <v>11</v>
      </c>
      <c r="F793" s="11">
        <v>47452</v>
      </c>
    </row>
    <row r="794" spans="1:6" ht="27.75" customHeight="1">
      <c r="A794" s="12" t="s">
        <v>1537</v>
      </c>
      <c r="B794" s="13" t="s">
        <v>1527</v>
      </c>
      <c r="C794" s="10" t="s">
        <v>1441</v>
      </c>
      <c r="D794" s="13" t="s">
        <v>1528</v>
      </c>
      <c r="E794" s="13" t="s">
        <v>40</v>
      </c>
      <c r="F794" s="11">
        <v>47422</v>
      </c>
    </row>
    <row r="795" spans="1:6" ht="27.75" customHeight="1">
      <c r="A795" s="12" t="s">
        <v>1538</v>
      </c>
      <c r="B795" s="13" t="s">
        <v>1527</v>
      </c>
      <c r="C795" s="10" t="s">
        <v>1441</v>
      </c>
      <c r="D795" s="13" t="s">
        <v>1528</v>
      </c>
      <c r="E795" s="13" t="s">
        <v>44</v>
      </c>
      <c r="F795" s="11">
        <v>47422</v>
      </c>
    </row>
    <row r="796" spans="1:6" ht="27.75" customHeight="1">
      <c r="A796" s="20" t="s">
        <v>1539</v>
      </c>
      <c r="B796" s="13" t="s">
        <v>1527</v>
      </c>
      <c r="C796" s="10" t="s">
        <v>1441</v>
      </c>
      <c r="D796" s="13" t="s">
        <v>1528</v>
      </c>
      <c r="E796" s="13" t="s">
        <v>228</v>
      </c>
      <c r="F796" s="11">
        <v>47422</v>
      </c>
    </row>
    <row r="797" spans="1:6" ht="27.75" customHeight="1">
      <c r="A797" s="15" t="s">
        <v>1540</v>
      </c>
      <c r="B797" s="24" t="s">
        <v>1527</v>
      </c>
      <c r="C797" s="10" t="s">
        <v>1441</v>
      </c>
      <c r="D797" s="9" t="s">
        <v>1528</v>
      </c>
      <c r="E797" s="13" t="s">
        <v>44</v>
      </c>
      <c r="F797" s="11">
        <v>46568</v>
      </c>
    </row>
    <row r="798" spans="1:6" ht="27.75" customHeight="1">
      <c r="A798" s="12" t="s">
        <v>1541</v>
      </c>
      <c r="B798" s="13" t="s">
        <v>1527</v>
      </c>
      <c r="C798" s="10" t="s">
        <v>1441</v>
      </c>
      <c r="D798" s="13" t="s">
        <v>1528</v>
      </c>
      <c r="E798" s="13" t="s">
        <v>44</v>
      </c>
      <c r="F798" s="11">
        <v>47848</v>
      </c>
    </row>
    <row r="799" spans="1:6" ht="27.75" customHeight="1">
      <c r="A799" s="15" t="s">
        <v>1542</v>
      </c>
      <c r="B799" s="24" t="s">
        <v>1527</v>
      </c>
      <c r="C799" s="10" t="s">
        <v>1441</v>
      </c>
      <c r="D799" s="9" t="s">
        <v>1528</v>
      </c>
      <c r="E799" s="13" t="s">
        <v>40</v>
      </c>
      <c r="F799" s="11">
        <v>47422</v>
      </c>
    </row>
    <row r="800" spans="1:6" ht="27.75" customHeight="1">
      <c r="A800" s="14" t="s">
        <v>1543</v>
      </c>
      <c r="B800" s="9" t="s">
        <v>1527</v>
      </c>
      <c r="C800" s="10" t="s">
        <v>1441</v>
      </c>
      <c r="D800" s="9" t="s">
        <v>1528</v>
      </c>
      <c r="E800" s="9" t="s">
        <v>234</v>
      </c>
      <c r="F800" s="11">
        <v>47422</v>
      </c>
    </row>
    <row r="801" spans="1:6" ht="27.75" customHeight="1">
      <c r="A801" s="12" t="s">
        <v>1544</v>
      </c>
      <c r="B801" s="13" t="s">
        <v>1527</v>
      </c>
      <c r="C801" s="10" t="s">
        <v>1441</v>
      </c>
      <c r="D801" s="13" t="s">
        <v>1528</v>
      </c>
      <c r="E801" s="13" t="s">
        <v>393</v>
      </c>
      <c r="F801" s="11">
        <v>47726</v>
      </c>
    </row>
    <row r="802" spans="1:6" ht="27.75" customHeight="1">
      <c r="A802" s="12" t="s">
        <v>1545</v>
      </c>
      <c r="B802" s="13" t="s">
        <v>1527</v>
      </c>
      <c r="C802" s="10" t="s">
        <v>1441</v>
      </c>
      <c r="D802" s="13" t="s">
        <v>1528</v>
      </c>
      <c r="E802" s="13" t="s">
        <v>228</v>
      </c>
      <c r="F802" s="11">
        <v>47422</v>
      </c>
    </row>
    <row r="803" spans="1:6" ht="27.75" customHeight="1">
      <c r="A803" s="20" t="s">
        <v>1546</v>
      </c>
      <c r="B803" s="13" t="s">
        <v>1527</v>
      </c>
      <c r="C803" s="10" t="s">
        <v>1441</v>
      </c>
      <c r="D803" s="13" t="s">
        <v>1528</v>
      </c>
      <c r="E803" s="13" t="s">
        <v>40</v>
      </c>
      <c r="F803" s="11">
        <v>47422</v>
      </c>
    </row>
    <row r="804" spans="1:6" ht="27.75" customHeight="1">
      <c r="A804" s="23" t="s">
        <v>1547</v>
      </c>
      <c r="B804" s="24" t="s">
        <v>1527</v>
      </c>
      <c r="C804" s="10" t="s">
        <v>1441</v>
      </c>
      <c r="D804" s="13" t="s">
        <v>1528</v>
      </c>
      <c r="E804" s="24" t="s">
        <v>823</v>
      </c>
      <c r="F804" s="11">
        <v>47726</v>
      </c>
    </row>
    <row r="805" spans="1:6" ht="27.75" customHeight="1">
      <c r="A805" s="8" t="s">
        <v>1548</v>
      </c>
      <c r="B805" s="9" t="s">
        <v>1527</v>
      </c>
      <c r="C805" s="10" t="s">
        <v>1441</v>
      </c>
      <c r="D805" s="9" t="s">
        <v>1528</v>
      </c>
      <c r="E805" s="9" t="s">
        <v>44</v>
      </c>
      <c r="F805" s="11">
        <v>47573</v>
      </c>
    </row>
    <row r="806" spans="1:6" ht="27.75" customHeight="1">
      <c r="A806" s="14" t="s">
        <v>1549</v>
      </c>
      <c r="B806" s="9" t="s">
        <v>1527</v>
      </c>
      <c r="C806" s="10" t="s">
        <v>1441</v>
      </c>
      <c r="D806" s="9" t="s">
        <v>1528</v>
      </c>
      <c r="E806" s="9" t="s">
        <v>228</v>
      </c>
      <c r="F806" s="11">
        <v>47422</v>
      </c>
    </row>
    <row r="807" spans="1:6" ht="27.75" customHeight="1">
      <c r="A807" s="12" t="s">
        <v>1550</v>
      </c>
      <c r="B807" s="13" t="s">
        <v>1527</v>
      </c>
      <c r="C807" s="10" t="s">
        <v>1441</v>
      </c>
      <c r="D807" s="13" t="s">
        <v>1528</v>
      </c>
      <c r="E807" s="13" t="s">
        <v>228</v>
      </c>
      <c r="F807" s="11">
        <v>46203</v>
      </c>
    </row>
    <row r="808" spans="1:6" ht="27.75" customHeight="1">
      <c r="A808" s="12" t="s">
        <v>1551</v>
      </c>
      <c r="B808" s="13" t="s">
        <v>1527</v>
      </c>
      <c r="C808" s="10" t="s">
        <v>1441</v>
      </c>
      <c r="D808" s="13" t="s">
        <v>1528</v>
      </c>
      <c r="E808" s="13" t="s">
        <v>63</v>
      </c>
      <c r="F808" s="11">
        <v>47573</v>
      </c>
    </row>
    <row r="809" spans="1:6" ht="27.75" customHeight="1">
      <c r="A809" s="14" t="s">
        <v>1552</v>
      </c>
      <c r="B809" s="9" t="s">
        <v>1527</v>
      </c>
      <c r="C809" s="10" t="s">
        <v>1441</v>
      </c>
      <c r="D809" s="9" t="s">
        <v>1528</v>
      </c>
      <c r="E809" s="9" t="s">
        <v>44</v>
      </c>
      <c r="F809" s="11">
        <v>47361</v>
      </c>
    </row>
    <row r="810" spans="1:6" ht="27.75" customHeight="1">
      <c r="A810" s="14" t="s">
        <v>1553</v>
      </c>
      <c r="B810" s="9" t="s">
        <v>1554</v>
      </c>
      <c r="C810" s="10" t="s">
        <v>1441</v>
      </c>
      <c r="D810" s="9" t="s">
        <v>1555</v>
      </c>
      <c r="E810" s="9" t="s">
        <v>1556</v>
      </c>
      <c r="F810" s="11">
        <v>47483</v>
      </c>
    </row>
    <row r="811" spans="1:6" ht="27.75" customHeight="1">
      <c r="A811" s="12" t="s">
        <v>1557</v>
      </c>
      <c r="B811" s="13" t="s">
        <v>1558</v>
      </c>
      <c r="C811" s="10" t="s">
        <v>1441</v>
      </c>
      <c r="D811" s="13" t="s">
        <v>1559</v>
      </c>
      <c r="E811" s="13" t="s">
        <v>1560</v>
      </c>
      <c r="F811" s="11">
        <v>47422</v>
      </c>
    </row>
    <row r="812" spans="1:6" ht="27.75" customHeight="1">
      <c r="A812" s="12" t="s">
        <v>1561</v>
      </c>
      <c r="B812" s="13" t="s">
        <v>1562</v>
      </c>
      <c r="C812" s="10" t="s">
        <v>1441</v>
      </c>
      <c r="D812" s="13" t="s">
        <v>1563</v>
      </c>
      <c r="E812" s="13" t="s">
        <v>17</v>
      </c>
      <c r="F812" s="11">
        <v>47483</v>
      </c>
    </row>
    <row r="813" spans="1:6" ht="27.75" customHeight="1">
      <c r="A813" s="17" t="s">
        <v>1564</v>
      </c>
      <c r="B813" s="9" t="s">
        <v>1565</v>
      </c>
      <c r="C813" s="10" t="s">
        <v>1441</v>
      </c>
      <c r="D813" s="9" t="s">
        <v>1566</v>
      </c>
      <c r="E813" s="9" t="s">
        <v>17</v>
      </c>
      <c r="F813" s="11">
        <v>47422</v>
      </c>
    </row>
    <row r="814" spans="1:6" ht="27.75" customHeight="1">
      <c r="A814" s="14" t="s">
        <v>1567</v>
      </c>
      <c r="B814" s="9" t="s">
        <v>1568</v>
      </c>
      <c r="C814" s="10" t="s">
        <v>1441</v>
      </c>
      <c r="D814" s="9" t="s">
        <v>1569</v>
      </c>
      <c r="E814" s="9" t="s">
        <v>21</v>
      </c>
      <c r="F814" s="11">
        <v>47664</v>
      </c>
    </row>
    <row r="815" spans="1:6" ht="27.75" customHeight="1">
      <c r="A815" s="12" t="s">
        <v>1570</v>
      </c>
      <c r="B815" s="13" t="s">
        <v>1571</v>
      </c>
      <c r="C815" s="10" t="s">
        <v>1441</v>
      </c>
      <c r="D815" s="13" t="s">
        <v>1572</v>
      </c>
      <c r="E815" s="13" t="s">
        <v>17</v>
      </c>
      <c r="F815" s="11">
        <v>46812</v>
      </c>
    </row>
    <row r="816" spans="1:6" ht="27.75" customHeight="1">
      <c r="A816" s="14" t="s">
        <v>1573</v>
      </c>
      <c r="B816" s="9" t="s">
        <v>1574</v>
      </c>
      <c r="C816" s="10" t="s">
        <v>1441</v>
      </c>
      <c r="D816" s="9" t="s">
        <v>1575</v>
      </c>
      <c r="E816" s="9" t="s">
        <v>40</v>
      </c>
      <c r="F816" s="11">
        <v>47695</v>
      </c>
    </row>
    <row r="817" spans="1:6" ht="27.75" customHeight="1">
      <c r="A817" s="12" t="s">
        <v>1576</v>
      </c>
      <c r="B817" s="13" t="s">
        <v>1577</v>
      </c>
      <c r="C817" s="10" t="s">
        <v>1441</v>
      </c>
      <c r="D817" s="13" t="s">
        <v>1578</v>
      </c>
      <c r="E817" s="13" t="s">
        <v>86</v>
      </c>
      <c r="F817" s="11">
        <v>47664</v>
      </c>
    </row>
    <row r="818" spans="1:6" ht="27.75" customHeight="1">
      <c r="A818" s="14" t="s">
        <v>1579</v>
      </c>
      <c r="B818" s="9" t="s">
        <v>1580</v>
      </c>
      <c r="C818" s="10" t="s">
        <v>1441</v>
      </c>
      <c r="D818" s="9" t="s">
        <v>1581</v>
      </c>
      <c r="E818" s="9" t="s">
        <v>25</v>
      </c>
      <c r="F818" s="11">
        <v>46873</v>
      </c>
    </row>
    <row r="819" spans="1:6" ht="27.75" customHeight="1">
      <c r="A819" s="23" t="s">
        <v>1582</v>
      </c>
      <c r="B819" s="24" t="s">
        <v>1583</v>
      </c>
      <c r="C819" s="10" t="s">
        <v>1441</v>
      </c>
      <c r="D819" s="9" t="s">
        <v>1584</v>
      </c>
      <c r="E819" s="24" t="s">
        <v>809</v>
      </c>
      <c r="F819" s="11">
        <v>47422</v>
      </c>
    </row>
    <row r="820" spans="1:6" ht="27.75" customHeight="1">
      <c r="A820" s="17" t="s">
        <v>1585</v>
      </c>
      <c r="B820" s="9" t="s">
        <v>1586</v>
      </c>
      <c r="C820" s="10" t="s">
        <v>1441</v>
      </c>
      <c r="D820" s="9" t="s">
        <v>1587</v>
      </c>
      <c r="E820" s="9" t="s">
        <v>234</v>
      </c>
      <c r="F820" s="11">
        <v>47330</v>
      </c>
    </row>
    <row r="821" spans="1:6" ht="27.75" customHeight="1">
      <c r="A821" s="8" t="s">
        <v>1588</v>
      </c>
      <c r="B821" s="9" t="s">
        <v>1589</v>
      </c>
      <c r="C821" s="10" t="s">
        <v>1441</v>
      </c>
      <c r="D821" s="9" t="s">
        <v>1590</v>
      </c>
      <c r="E821" s="13" t="s">
        <v>1324</v>
      </c>
      <c r="F821" s="11">
        <v>47422</v>
      </c>
    </row>
    <row r="822" spans="1:6" ht="27.75" customHeight="1">
      <c r="A822" s="14" t="s">
        <v>1591</v>
      </c>
      <c r="B822" s="9" t="s">
        <v>1592</v>
      </c>
      <c r="C822" s="10" t="s">
        <v>1441</v>
      </c>
      <c r="D822" s="9" t="s">
        <v>1593</v>
      </c>
      <c r="E822" s="9" t="s">
        <v>1594</v>
      </c>
      <c r="F822" s="11">
        <v>47422</v>
      </c>
    </row>
    <row r="823" spans="1:6" ht="27.75" customHeight="1">
      <c r="A823" s="12" t="s">
        <v>1595</v>
      </c>
      <c r="B823" s="13" t="s">
        <v>1596</v>
      </c>
      <c r="C823" s="10" t="s">
        <v>1441</v>
      </c>
      <c r="D823" s="13" t="s">
        <v>1597</v>
      </c>
      <c r="E823" s="13" t="s">
        <v>44</v>
      </c>
      <c r="F823" s="11">
        <v>47118</v>
      </c>
    </row>
    <row r="824" spans="1:6" ht="27.75" customHeight="1">
      <c r="A824" s="12" t="s">
        <v>1598</v>
      </c>
      <c r="B824" s="13" t="s">
        <v>1599</v>
      </c>
      <c r="C824" s="10" t="s">
        <v>1441</v>
      </c>
      <c r="D824" s="13" t="s">
        <v>1600</v>
      </c>
      <c r="E824" s="13" t="s">
        <v>1601</v>
      </c>
      <c r="F824" s="11">
        <v>46599</v>
      </c>
    </row>
    <row r="825" spans="1:6" ht="27.75" customHeight="1">
      <c r="A825" s="12" t="s">
        <v>1602</v>
      </c>
      <c r="B825" s="18" t="s">
        <v>1603</v>
      </c>
      <c r="C825" s="10" t="s">
        <v>1441</v>
      </c>
      <c r="D825" s="18" t="s">
        <v>1604</v>
      </c>
      <c r="E825" s="18" t="s">
        <v>1605</v>
      </c>
      <c r="F825" s="19">
        <v>47422</v>
      </c>
    </row>
    <row r="826" spans="1:6" ht="27.75" customHeight="1">
      <c r="A826" s="12" t="s">
        <v>1606</v>
      </c>
      <c r="B826" s="13" t="s">
        <v>1607</v>
      </c>
      <c r="C826" s="10" t="s">
        <v>1441</v>
      </c>
      <c r="D826" s="13" t="s">
        <v>1608</v>
      </c>
      <c r="E826" s="13" t="s">
        <v>1609</v>
      </c>
      <c r="F826" s="11">
        <v>47422</v>
      </c>
    </row>
    <row r="827" spans="1:6" ht="27.75" customHeight="1">
      <c r="A827" s="14" t="s">
        <v>1610</v>
      </c>
      <c r="B827" s="9" t="s">
        <v>1611</v>
      </c>
      <c r="C827" s="10" t="s">
        <v>1441</v>
      </c>
      <c r="D827" s="9" t="s">
        <v>1612</v>
      </c>
      <c r="E827" s="9" t="s">
        <v>502</v>
      </c>
      <c r="F827" s="11">
        <v>47422</v>
      </c>
    </row>
    <row r="828" spans="1:6" ht="27.75" customHeight="1">
      <c r="A828" s="14" t="s">
        <v>1613</v>
      </c>
      <c r="B828" s="24" t="s">
        <v>1614</v>
      </c>
      <c r="C828" s="10" t="s">
        <v>1441</v>
      </c>
      <c r="D828" s="9" t="s">
        <v>1615</v>
      </c>
      <c r="E828" s="24" t="s">
        <v>40</v>
      </c>
      <c r="F828" s="11">
        <v>47422</v>
      </c>
    </row>
    <row r="829" spans="1:6" ht="27.75" customHeight="1">
      <c r="A829" s="12" t="s">
        <v>1616</v>
      </c>
      <c r="B829" s="18" t="s">
        <v>1617</v>
      </c>
      <c r="C829" s="10" t="s">
        <v>1441</v>
      </c>
      <c r="D829" s="18" t="s">
        <v>1618</v>
      </c>
      <c r="E829" s="18" t="s">
        <v>40</v>
      </c>
      <c r="F829" s="19">
        <v>46265</v>
      </c>
    </row>
    <row r="830" spans="1:6" ht="27.75" customHeight="1">
      <c r="A830" s="14" t="s">
        <v>1619</v>
      </c>
      <c r="B830" s="9" t="s">
        <v>1620</v>
      </c>
      <c r="C830" s="10" t="s">
        <v>1441</v>
      </c>
      <c r="D830" s="9" t="s">
        <v>1621</v>
      </c>
      <c r="E830" s="9" t="s">
        <v>17</v>
      </c>
      <c r="F830" s="11">
        <v>47422</v>
      </c>
    </row>
    <row r="831" spans="1:6" ht="27.75" customHeight="1">
      <c r="A831" s="12" t="s">
        <v>1622</v>
      </c>
      <c r="B831" s="13" t="s">
        <v>1623</v>
      </c>
      <c r="C831" s="10" t="s">
        <v>1441</v>
      </c>
      <c r="D831" s="13" t="s">
        <v>1624</v>
      </c>
      <c r="E831" s="13" t="s">
        <v>347</v>
      </c>
      <c r="F831" s="11">
        <v>47422</v>
      </c>
    </row>
    <row r="832" spans="1:6" ht="27.75" customHeight="1">
      <c r="A832" s="23" t="s">
        <v>1625</v>
      </c>
      <c r="B832" s="24" t="s">
        <v>1623</v>
      </c>
      <c r="C832" s="10" t="s">
        <v>1441</v>
      </c>
      <c r="D832" s="9" t="s">
        <v>1624</v>
      </c>
      <c r="E832" s="24" t="s">
        <v>347</v>
      </c>
      <c r="F832" s="11">
        <v>47452</v>
      </c>
    </row>
    <row r="833" spans="1:6" ht="27.75" customHeight="1">
      <c r="A833" s="15" t="s">
        <v>1626</v>
      </c>
      <c r="B833" s="13" t="s">
        <v>1627</v>
      </c>
      <c r="C833" s="10" t="s">
        <v>1441</v>
      </c>
      <c r="D833" s="9" t="s">
        <v>1628</v>
      </c>
      <c r="E833" s="13" t="s">
        <v>21</v>
      </c>
      <c r="F833" s="11">
        <v>46477</v>
      </c>
    </row>
    <row r="834" spans="1:6" ht="27.75" customHeight="1">
      <c r="A834" s="12" t="s">
        <v>1629</v>
      </c>
      <c r="B834" s="13" t="s">
        <v>1627</v>
      </c>
      <c r="C834" s="10" t="s">
        <v>1441</v>
      </c>
      <c r="D834" s="13" t="s">
        <v>1628</v>
      </c>
      <c r="E834" s="13" t="s">
        <v>1374</v>
      </c>
      <c r="F834" s="11">
        <v>47422</v>
      </c>
    </row>
    <row r="835" spans="1:6" ht="27.75" customHeight="1">
      <c r="A835" s="17" t="s">
        <v>1630</v>
      </c>
      <c r="B835" s="9" t="s">
        <v>1627</v>
      </c>
      <c r="C835" s="10" t="s">
        <v>1441</v>
      </c>
      <c r="D835" s="9" t="s">
        <v>1628</v>
      </c>
      <c r="E835" s="9" t="s">
        <v>55</v>
      </c>
      <c r="F835" s="11">
        <v>46904</v>
      </c>
    </row>
    <row r="836" spans="1:6" ht="27.75" customHeight="1">
      <c r="A836" s="12" t="s">
        <v>1631</v>
      </c>
      <c r="B836" s="13" t="s">
        <v>1627</v>
      </c>
      <c r="C836" s="10" t="s">
        <v>1441</v>
      </c>
      <c r="D836" s="13" t="s">
        <v>1628</v>
      </c>
      <c r="E836" s="13" t="s">
        <v>253</v>
      </c>
      <c r="F836" s="11">
        <v>47422</v>
      </c>
    </row>
    <row r="837" spans="1:6" ht="27.75" customHeight="1">
      <c r="A837" s="12" t="s">
        <v>1632</v>
      </c>
      <c r="B837" s="13" t="s">
        <v>1627</v>
      </c>
      <c r="C837" s="10" t="s">
        <v>1441</v>
      </c>
      <c r="D837" s="13" t="s">
        <v>1628</v>
      </c>
      <c r="E837" s="13" t="s">
        <v>44</v>
      </c>
      <c r="F837" s="11">
        <v>47422</v>
      </c>
    </row>
    <row r="838" spans="1:6" ht="27.75" customHeight="1">
      <c r="A838" s="12" t="s">
        <v>1633</v>
      </c>
      <c r="B838" s="13" t="s">
        <v>1634</v>
      </c>
      <c r="C838" s="10" t="s">
        <v>1441</v>
      </c>
      <c r="D838" s="13" t="s">
        <v>1628</v>
      </c>
      <c r="E838" s="13" t="s">
        <v>1635</v>
      </c>
      <c r="F838" s="11">
        <v>46387</v>
      </c>
    </row>
    <row r="839" spans="1:6" ht="27.75" customHeight="1">
      <c r="A839" s="12" t="s">
        <v>1636</v>
      </c>
      <c r="B839" s="13" t="s">
        <v>1634</v>
      </c>
      <c r="C839" s="10" t="s">
        <v>1441</v>
      </c>
      <c r="D839" s="13" t="s">
        <v>1628</v>
      </c>
      <c r="E839" s="13" t="s">
        <v>393</v>
      </c>
      <c r="F839" s="11">
        <v>46234</v>
      </c>
    </row>
    <row r="840" spans="1:6" ht="27.75" customHeight="1">
      <c r="A840" s="12" t="s">
        <v>1637</v>
      </c>
      <c r="B840" s="13" t="s">
        <v>1634</v>
      </c>
      <c r="C840" s="10" t="s">
        <v>1441</v>
      </c>
      <c r="D840" s="13" t="s">
        <v>1628</v>
      </c>
      <c r="E840" s="13" t="s">
        <v>321</v>
      </c>
      <c r="F840" s="11">
        <v>46112</v>
      </c>
    </row>
    <row r="841" spans="1:6" ht="27.75" customHeight="1">
      <c r="A841" s="14" t="s">
        <v>1638</v>
      </c>
      <c r="B841" s="9" t="s">
        <v>1634</v>
      </c>
      <c r="C841" s="10" t="s">
        <v>1441</v>
      </c>
      <c r="D841" s="9" t="s">
        <v>1628</v>
      </c>
      <c r="E841" s="9" t="s">
        <v>1639</v>
      </c>
      <c r="F841" s="11">
        <v>47422</v>
      </c>
    </row>
    <row r="842" spans="1:6" ht="27.75" customHeight="1">
      <c r="A842" s="12" t="s">
        <v>1640</v>
      </c>
      <c r="B842" s="13" t="s">
        <v>1634</v>
      </c>
      <c r="C842" s="10" t="s">
        <v>1441</v>
      </c>
      <c r="D842" s="13" t="s">
        <v>1628</v>
      </c>
      <c r="E842" s="13" t="s">
        <v>492</v>
      </c>
      <c r="F842" s="11">
        <v>47422</v>
      </c>
    </row>
    <row r="843" spans="1:6" ht="27.75" customHeight="1">
      <c r="A843" s="14" t="s">
        <v>1641</v>
      </c>
      <c r="B843" s="9" t="s">
        <v>1642</v>
      </c>
      <c r="C843" s="10" t="s">
        <v>1441</v>
      </c>
      <c r="D843" s="9" t="s">
        <v>1643</v>
      </c>
      <c r="E843" s="9" t="s">
        <v>1644</v>
      </c>
      <c r="F843" s="11">
        <v>46934</v>
      </c>
    </row>
    <row r="844" spans="1:6" ht="27.75" customHeight="1">
      <c r="A844" s="14" t="s">
        <v>1645</v>
      </c>
      <c r="B844" s="9" t="s">
        <v>1646</v>
      </c>
      <c r="C844" s="10" t="s">
        <v>1441</v>
      </c>
      <c r="D844" s="13" t="s">
        <v>1643</v>
      </c>
      <c r="E844" s="9" t="s">
        <v>991</v>
      </c>
      <c r="F844" s="11">
        <v>46660</v>
      </c>
    </row>
    <row r="845" spans="1:6" ht="27.75" customHeight="1">
      <c r="A845" s="12" t="s">
        <v>1647</v>
      </c>
      <c r="B845" s="13" t="s">
        <v>1648</v>
      </c>
      <c r="C845" s="10" t="s">
        <v>1441</v>
      </c>
      <c r="D845" s="13" t="s">
        <v>1649</v>
      </c>
      <c r="E845" s="13" t="s">
        <v>1650</v>
      </c>
      <c r="F845" s="11">
        <v>47573</v>
      </c>
    </row>
    <row r="846" spans="1:6" ht="27.75" customHeight="1">
      <c r="A846" s="8" t="s">
        <v>1651</v>
      </c>
      <c r="B846" s="9" t="s">
        <v>1652</v>
      </c>
      <c r="C846" s="10" t="s">
        <v>1441</v>
      </c>
      <c r="D846" s="9" t="s">
        <v>1653</v>
      </c>
      <c r="E846" s="9" t="s">
        <v>40</v>
      </c>
      <c r="F846" s="11">
        <v>47422</v>
      </c>
    </row>
    <row r="847" spans="1:6" ht="27.75" customHeight="1">
      <c r="A847" s="8" t="s">
        <v>1654</v>
      </c>
      <c r="B847" s="13" t="s">
        <v>1655</v>
      </c>
      <c r="C847" s="10" t="s">
        <v>1441</v>
      </c>
      <c r="D847" s="13" t="s">
        <v>1656</v>
      </c>
      <c r="E847" s="13" t="s">
        <v>21</v>
      </c>
      <c r="F847" s="11">
        <v>47695</v>
      </c>
    </row>
    <row r="848" spans="1:6" ht="27.75" customHeight="1">
      <c r="A848" s="12" t="s">
        <v>1657</v>
      </c>
      <c r="B848" s="18" t="s">
        <v>1658</v>
      </c>
      <c r="C848" s="10" t="s">
        <v>1441</v>
      </c>
      <c r="D848" s="18" t="s">
        <v>1659</v>
      </c>
      <c r="E848" s="18" t="s">
        <v>398</v>
      </c>
      <c r="F848" s="19">
        <v>47422</v>
      </c>
    </row>
    <row r="849" spans="1:6" ht="27.75" customHeight="1">
      <c r="A849" s="15" t="s">
        <v>1660</v>
      </c>
      <c r="B849" s="13" t="s">
        <v>1658</v>
      </c>
      <c r="C849" s="10" t="s">
        <v>1441</v>
      </c>
      <c r="D849" s="9" t="s">
        <v>1659</v>
      </c>
      <c r="E849" s="13" t="s">
        <v>398</v>
      </c>
      <c r="F849" s="11">
        <v>46843</v>
      </c>
    </row>
    <row r="850" spans="1:6" ht="27.75" customHeight="1">
      <c r="A850" s="12" t="s">
        <v>1661</v>
      </c>
      <c r="B850" s="13" t="s">
        <v>1662</v>
      </c>
      <c r="C850" s="10" t="s">
        <v>1441</v>
      </c>
      <c r="D850" s="13" t="s">
        <v>1663</v>
      </c>
      <c r="E850" s="13" t="s">
        <v>369</v>
      </c>
      <c r="F850" s="11">
        <v>47330</v>
      </c>
    </row>
    <row r="851" spans="1:6" ht="27.75" customHeight="1">
      <c r="A851" s="14" t="s">
        <v>1664</v>
      </c>
      <c r="B851" s="9" t="s">
        <v>1662</v>
      </c>
      <c r="C851" s="10" t="s">
        <v>1441</v>
      </c>
      <c r="D851" s="13" t="s">
        <v>1663</v>
      </c>
      <c r="E851" s="9" t="s">
        <v>196</v>
      </c>
      <c r="F851" s="11">
        <v>47452</v>
      </c>
    </row>
    <row r="852" spans="1:6" ht="27.75" customHeight="1">
      <c r="A852" s="8" t="s">
        <v>1665</v>
      </c>
      <c r="B852" s="9" t="s">
        <v>1662</v>
      </c>
      <c r="C852" s="10" t="s">
        <v>1441</v>
      </c>
      <c r="D852" s="9" t="s">
        <v>1663</v>
      </c>
      <c r="E852" s="13" t="s">
        <v>21</v>
      </c>
      <c r="F852" s="11">
        <v>46234</v>
      </c>
    </row>
    <row r="853" spans="1:6" ht="27.75" customHeight="1">
      <c r="A853" s="14" t="s">
        <v>1666</v>
      </c>
      <c r="B853" s="9" t="s">
        <v>1667</v>
      </c>
      <c r="C853" s="10" t="s">
        <v>1441</v>
      </c>
      <c r="D853" s="9" t="s">
        <v>1668</v>
      </c>
      <c r="E853" s="9" t="s">
        <v>25</v>
      </c>
      <c r="F853" s="11">
        <v>46904</v>
      </c>
    </row>
    <row r="854" spans="1:6" ht="27.75" customHeight="1">
      <c r="A854" s="12" t="s">
        <v>1669</v>
      </c>
      <c r="B854" s="13" t="s">
        <v>1670</v>
      </c>
      <c r="C854" s="10" t="s">
        <v>1441</v>
      </c>
      <c r="D854" s="13" t="s">
        <v>1671</v>
      </c>
      <c r="E854" s="13" t="s">
        <v>63</v>
      </c>
      <c r="F854" s="11">
        <v>47726</v>
      </c>
    </row>
    <row r="855" spans="1:6" ht="27.75" customHeight="1">
      <c r="A855" s="14" t="s">
        <v>1672</v>
      </c>
      <c r="B855" s="9" t="s">
        <v>1670</v>
      </c>
      <c r="C855" s="10" t="s">
        <v>1441</v>
      </c>
      <c r="D855" s="9" t="s">
        <v>1671</v>
      </c>
      <c r="E855" s="9" t="s">
        <v>63</v>
      </c>
      <c r="F855" s="11">
        <v>47634</v>
      </c>
    </row>
    <row r="856" spans="1:6" ht="27.75" customHeight="1">
      <c r="A856" s="14" t="s">
        <v>1673</v>
      </c>
      <c r="B856" s="9" t="s">
        <v>1674</v>
      </c>
      <c r="C856" s="10" t="s">
        <v>1441</v>
      </c>
      <c r="D856" s="9" t="s">
        <v>1675</v>
      </c>
      <c r="E856" s="9" t="s">
        <v>17</v>
      </c>
      <c r="F856" s="11">
        <v>47422</v>
      </c>
    </row>
    <row r="857" spans="1:6" ht="27.75" customHeight="1">
      <c r="A857" s="23" t="s">
        <v>1676</v>
      </c>
      <c r="B857" s="24" t="s">
        <v>1677</v>
      </c>
      <c r="C857" s="10" t="s">
        <v>1441</v>
      </c>
      <c r="D857" s="9" t="s">
        <v>1678</v>
      </c>
      <c r="E857" s="24" t="s">
        <v>44</v>
      </c>
      <c r="F857" s="11">
        <v>47422</v>
      </c>
    </row>
    <row r="858" spans="1:6" ht="27.75" customHeight="1">
      <c r="A858" s="17" t="s">
        <v>1679</v>
      </c>
      <c r="B858" s="9" t="s">
        <v>1680</v>
      </c>
      <c r="C858" s="10" t="s">
        <v>1441</v>
      </c>
      <c r="D858" s="9" t="s">
        <v>1681</v>
      </c>
      <c r="E858" s="9" t="s">
        <v>1682</v>
      </c>
      <c r="F858" s="11">
        <v>46173</v>
      </c>
    </row>
    <row r="859" spans="1:6" ht="27.75" customHeight="1">
      <c r="A859" s="12" t="s">
        <v>1683</v>
      </c>
      <c r="B859" s="13" t="s">
        <v>1680</v>
      </c>
      <c r="C859" s="10" t="s">
        <v>1441</v>
      </c>
      <c r="D859" s="13" t="s">
        <v>1681</v>
      </c>
      <c r="E859" s="13" t="s">
        <v>270</v>
      </c>
      <c r="F859" s="11">
        <v>47299</v>
      </c>
    </row>
    <row r="860" spans="1:6" ht="27.75" customHeight="1">
      <c r="A860" s="14" t="s">
        <v>1684</v>
      </c>
      <c r="B860" s="9" t="s">
        <v>1680</v>
      </c>
      <c r="C860" s="10" t="s">
        <v>1441</v>
      </c>
      <c r="D860" s="9" t="s">
        <v>1681</v>
      </c>
      <c r="E860" s="9" t="s">
        <v>205</v>
      </c>
      <c r="F860" s="11">
        <v>46173</v>
      </c>
    </row>
    <row r="861" spans="1:6" ht="27.75" customHeight="1">
      <c r="A861" s="12" t="s">
        <v>1685</v>
      </c>
      <c r="B861" s="13" t="s">
        <v>1680</v>
      </c>
      <c r="C861" s="10" t="s">
        <v>1441</v>
      </c>
      <c r="D861" s="13" t="s">
        <v>1686</v>
      </c>
      <c r="E861" s="13" t="s">
        <v>21</v>
      </c>
      <c r="F861" s="11">
        <v>47299</v>
      </c>
    </row>
    <row r="862" spans="1:6" ht="27.75" customHeight="1">
      <c r="A862" s="14" t="s">
        <v>1687</v>
      </c>
      <c r="B862" s="13" t="s">
        <v>1688</v>
      </c>
      <c r="C862" s="10" t="s">
        <v>1441</v>
      </c>
      <c r="D862" s="9" t="s">
        <v>1689</v>
      </c>
      <c r="E862" s="9" t="s">
        <v>234</v>
      </c>
      <c r="F862" s="11">
        <v>46356</v>
      </c>
    </row>
    <row r="863" spans="1:6" ht="27.75" customHeight="1">
      <c r="A863" s="14" t="s">
        <v>1690</v>
      </c>
      <c r="B863" s="9" t="s">
        <v>1688</v>
      </c>
      <c r="C863" s="10" t="s">
        <v>1441</v>
      </c>
      <c r="D863" s="9" t="s">
        <v>1689</v>
      </c>
      <c r="E863" s="9" t="s">
        <v>21</v>
      </c>
      <c r="F863" s="11">
        <v>46173</v>
      </c>
    </row>
    <row r="864" spans="1:6" ht="27.75" customHeight="1">
      <c r="A864" s="12" t="s">
        <v>1691</v>
      </c>
      <c r="B864" s="13" t="s">
        <v>1692</v>
      </c>
      <c r="C864" s="10" t="s">
        <v>1441</v>
      </c>
      <c r="D864" s="13" t="s">
        <v>1693</v>
      </c>
      <c r="E864" s="13" t="s">
        <v>40</v>
      </c>
      <c r="F864" s="11">
        <v>46356</v>
      </c>
    </row>
    <row r="865" spans="1:6" ht="27.75" customHeight="1">
      <c r="A865" s="17" t="s">
        <v>1694</v>
      </c>
      <c r="B865" s="9" t="s">
        <v>1695</v>
      </c>
      <c r="C865" s="10" t="s">
        <v>1441</v>
      </c>
      <c r="D865" s="9" t="s">
        <v>1696</v>
      </c>
      <c r="E865" s="9" t="s">
        <v>21</v>
      </c>
      <c r="F865" s="11">
        <v>47422</v>
      </c>
    </row>
    <row r="866" spans="1:6" ht="27.75" customHeight="1">
      <c r="A866" s="12" t="s">
        <v>1697</v>
      </c>
      <c r="B866" s="18" t="s">
        <v>1698</v>
      </c>
      <c r="C866" s="10" t="s">
        <v>1441</v>
      </c>
      <c r="D866" s="18" t="s">
        <v>1699</v>
      </c>
      <c r="E866" s="18" t="s">
        <v>21</v>
      </c>
      <c r="F866" s="19">
        <v>47603</v>
      </c>
    </row>
    <row r="867" spans="1:6" ht="27.75" customHeight="1">
      <c r="A867" s="14" t="s">
        <v>1700</v>
      </c>
      <c r="B867" s="13" t="s">
        <v>1701</v>
      </c>
      <c r="C867" s="10" t="s">
        <v>1441</v>
      </c>
      <c r="D867" s="9" t="s">
        <v>1702</v>
      </c>
      <c r="E867" s="9" t="s">
        <v>115</v>
      </c>
      <c r="F867" s="11">
        <v>47330</v>
      </c>
    </row>
    <row r="868" spans="1:6" ht="27.75" customHeight="1">
      <c r="A868" s="14" t="s">
        <v>1703</v>
      </c>
      <c r="B868" s="9" t="s">
        <v>1704</v>
      </c>
      <c r="C868" s="10" t="s">
        <v>1441</v>
      </c>
      <c r="D868" s="9" t="s">
        <v>1705</v>
      </c>
      <c r="E868" s="9" t="s">
        <v>205</v>
      </c>
      <c r="F868" s="11">
        <v>47026</v>
      </c>
    </row>
    <row r="869" spans="1:6" ht="27.75" customHeight="1">
      <c r="A869" s="8" t="s">
        <v>1706</v>
      </c>
      <c r="B869" s="13" t="s">
        <v>1707</v>
      </c>
      <c r="C869" s="10" t="s">
        <v>1441</v>
      </c>
      <c r="D869" s="13" t="s">
        <v>1708</v>
      </c>
      <c r="E869" s="13" t="s">
        <v>1709</v>
      </c>
      <c r="F869" s="11">
        <v>47422</v>
      </c>
    </row>
    <row r="870" spans="1:6" ht="27.75" customHeight="1">
      <c r="A870" s="8" t="s">
        <v>1710</v>
      </c>
      <c r="B870" s="18" t="s">
        <v>1707</v>
      </c>
      <c r="C870" s="10" t="s">
        <v>1441</v>
      </c>
      <c r="D870" s="18" t="s">
        <v>1708</v>
      </c>
      <c r="E870" s="18" t="s">
        <v>234</v>
      </c>
      <c r="F870" s="19">
        <v>46538</v>
      </c>
    </row>
    <row r="871" spans="1:6" ht="27.75" customHeight="1">
      <c r="A871" s="8" t="s">
        <v>1711</v>
      </c>
      <c r="B871" s="18" t="s">
        <v>1712</v>
      </c>
      <c r="C871" s="10" t="s">
        <v>1441</v>
      </c>
      <c r="D871" s="18" t="s">
        <v>1713</v>
      </c>
      <c r="E871" s="18" t="s">
        <v>234</v>
      </c>
      <c r="F871" s="19">
        <v>47422</v>
      </c>
    </row>
    <row r="872" spans="1:6" ht="27.75" customHeight="1">
      <c r="A872" s="20" t="s">
        <v>1714</v>
      </c>
      <c r="B872" s="13" t="s">
        <v>1715</v>
      </c>
      <c r="C872" s="10" t="s">
        <v>1441</v>
      </c>
      <c r="D872" s="13" t="s">
        <v>1716</v>
      </c>
      <c r="E872" s="13" t="s">
        <v>11</v>
      </c>
      <c r="F872" s="11">
        <v>47422</v>
      </c>
    </row>
    <row r="873" spans="1:6" ht="27.75" customHeight="1">
      <c r="A873" s="12" t="s">
        <v>1717</v>
      </c>
      <c r="B873" s="13" t="s">
        <v>1718</v>
      </c>
      <c r="C873" s="10" t="s">
        <v>1441</v>
      </c>
      <c r="D873" s="13" t="s">
        <v>1719</v>
      </c>
      <c r="E873" s="13" t="s">
        <v>63</v>
      </c>
      <c r="F873" s="11">
        <v>47422</v>
      </c>
    </row>
    <row r="874" spans="1:6" ht="27.75" customHeight="1">
      <c r="A874" s="20" t="s">
        <v>1720</v>
      </c>
      <c r="B874" s="9" t="s">
        <v>1721</v>
      </c>
      <c r="C874" s="10" t="s">
        <v>1441</v>
      </c>
      <c r="D874" s="27" t="s">
        <v>1722</v>
      </c>
      <c r="E874" s="13" t="s">
        <v>86</v>
      </c>
      <c r="F874" s="11">
        <v>47422</v>
      </c>
    </row>
    <row r="875" spans="1:6" ht="27.75" customHeight="1">
      <c r="A875" s="8" t="s">
        <v>1723</v>
      </c>
      <c r="B875" s="9" t="s">
        <v>1724</v>
      </c>
      <c r="C875" s="10" t="s">
        <v>1441</v>
      </c>
      <c r="D875" s="9" t="s">
        <v>1725</v>
      </c>
      <c r="E875" s="9" t="s">
        <v>1726</v>
      </c>
      <c r="F875" s="11">
        <v>47695</v>
      </c>
    </row>
    <row r="876" spans="1:6" ht="27.75" customHeight="1">
      <c r="A876" s="12" t="s">
        <v>1727</v>
      </c>
      <c r="B876" s="18" t="s">
        <v>1345</v>
      </c>
      <c r="C876" s="10" t="s">
        <v>1441</v>
      </c>
      <c r="D876" s="18" t="s">
        <v>1728</v>
      </c>
      <c r="E876" s="18" t="s">
        <v>21</v>
      </c>
      <c r="F876" s="19">
        <v>47422</v>
      </c>
    </row>
    <row r="877" spans="1:6" ht="27.75" customHeight="1">
      <c r="A877" s="12" t="s">
        <v>1729</v>
      </c>
      <c r="B877" s="18" t="s">
        <v>1730</v>
      </c>
      <c r="C877" s="10" t="s">
        <v>1441</v>
      </c>
      <c r="D877" s="18" t="s">
        <v>1731</v>
      </c>
      <c r="E877" s="18" t="s">
        <v>21</v>
      </c>
      <c r="F877" s="19">
        <v>47664</v>
      </c>
    </row>
    <row r="878" spans="1:6" ht="27.75" customHeight="1">
      <c r="A878" s="23" t="s">
        <v>1732</v>
      </c>
      <c r="B878" s="24" t="s">
        <v>1733</v>
      </c>
      <c r="C878" s="10" t="s">
        <v>1441</v>
      </c>
      <c r="D878" s="9" t="s">
        <v>1734</v>
      </c>
      <c r="E878" s="24" t="s">
        <v>21</v>
      </c>
      <c r="F878" s="11">
        <v>47026</v>
      </c>
    </row>
    <row r="879" spans="1:6" ht="27.75" customHeight="1">
      <c r="A879" s="12" t="s">
        <v>1735</v>
      </c>
      <c r="B879" s="18" t="s">
        <v>1736</v>
      </c>
      <c r="C879" s="10" t="s">
        <v>1441</v>
      </c>
      <c r="D879" s="18" t="s">
        <v>1737</v>
      </c>
      <c r="E879" s="18" t="s">
        <v>86</v>
      </c>
      <c r="F879" s="19">
        <v>47087</v>
      </c>
    </row>
    <row r="880" spans="1:6" ht="27.75" customHeight="1">
      <c r="A880" s="12" t="s">
        <v>1738</v>
      </c>
      <c r="B880" s="13" t="s">
        <v>1739</v>
      </c>
      <c r="C880" s="10" t="s">
        <v>1441</v>
      </c>
      <c r="D880" s="18" t="s">
        <v>1740</v>
      </c>
      <c r="E880" s="13" t="s">
        <v>21</v>
      </c>
      <c r="F880" s="11">
        <v>47483</v>
      </c>
    </row>
    <row r="881" spans="1:6" ht="27.75" customHeight="1">
      <c r="A881" s="17" t="s">
        <v>1741</v>
      </c>
      <c r="B881" s="13" t="s">
        <v>1739</v>
      </c>
      <c r="C881" s="10" t="s">
        <v>1441</v>
      </c>
      <c r="D881" s="13" t="s">
        <v>1740</v>
      </c>
      <c r="E881" s="13" t="s">
        <v>253</v>
      </c>
      <c r="F881" s="11">
        <v>46843</v>
      </c>
    </row>
    <row r="882" spans="1:6" ht="27.75" customHeight="1">
      <c r="A882" s="12" t="s">
        <v>1742</v>
      </c>
      <c r="B882" s="13" t="s">
        <v>1743</v>
      </c>
      <c r="C882" s="10" t="s">
        <v>1441</v>
      </c>
      <c r="D882" s="13" t="s">
        <v>1744</v>
      </c>
      <c r="E882" s="13" t="s">
        <v>44</v>
      </c>
      <c r="F882" s="11">
        <v>47422</v>
      </c>
    </row>
    <row r="883" spans="1:6" ht="27.75" customHeight="1">
      <c r="A883" s="17" t="s">
        <v>1745</v>
      </c>
      <c r="B883" s="9" t="s">
        <v>1746</v>
      </c>
      <c r="C883" s="10" t="s">
        <v>1441</v>
      </c>
      <c r="D883" s="9" t="s">
        <v>1747</v>
      </c>
      <c r="E883" s="9" t="s">
        <v>21</v>
      </c>
      <c r="F883" s="11">
        <v>46812</v>
      </c>
    </row>
    <row r="884" spans="1:6" ht="27.75" customHeight="1">
      <c r="A884" s="12" t="s">
        <v>1748</v>
      </c>
      <c r="B884" s="18" t="s">
        <v>1749</v>
      </c>
      <c r="C884" s="10" t="s">
        <v>1441</v>
      </c>
      <c r="D884" s="18" t="s">
        <v>1750</v>
      </c>
      <c r="E884" s="18" t="s">
        <v>205</v>
      </c>
      <c r="F884" s="19">
        <v>47422</v>
      </c>
    </row>
    <row r="885" spans="1:6" ht="27.75" customHeight="1">
      <c r="A885" s="15" t="s">
        <v>1751</v>
      </c>
      <c r="B885" s="9" t="s">
        <v>1752</v>
      </c>
      <c r="C885" s="10" t="s">
        <v>1441</v>
      </c>
      <c r="D885" s="9" t="s">
        <v>1753</v>
      </c>
      <c r="E885" s="13" t="s">
        <v>17</v>
      </c>
      <c r="F885" s="11">
        <v>46873</v>
      </c>
    </row>
    <row r="886" spans="1:6" ht="27.75" customHeight="1">
      <c r="A886" s="12" t="s">
        <v>1754</v>
      </c>
      <c r="B886" s="18" t="s">
        <v>1755</v>
      </c>
      <c r="C886" s="10" t="s">
        <v>1441</v>
      </c>
      <c r="D886" s="18" t="s">
        <v>1756</v>
      </c>
      <c r="E886" s="18" t="s">
        <v>44</v>
      </c>
      <c r="F886" s="19">
        <v>47422</v>
      </c>
    </row>
    <row r="887" spans="1:6" ht="27.75" customHeight="1">
      <c r="A887" s="14" t="s">
        <v>1757</v>
      </c>
      <c r="B887" s="9" t="s">
        <v>1758</v>
      </c>
      <c r="C887" s="10" t="s">
        <v>1441</v>
      </c>
      <c r="D887" s="9" t="s">
        <v>1759</v>
      </c>
      <c r="E887" s="9" t="s">
        <v>21</v>
      </c>
      <c r="F887" s="11">
        <v>47422</v>
      </c>
    </row>
    <row r="888" spans="1:6" ht="27.75" customHeight="1">
      <c r="A888" s="14" t="s">
        <v>4730</v>
      </c>
      <c r="B888" s="13" t="s">
        <v>1758</v>
      </c>
      <c r="C888" s="10" t="s">
        <v>1441</v>
      </c>
      <c r="D888" s="9" t="s">
        <v>1759</v>
      </c>
      <c r="E888" s="9" t="s">
        <v>1760</v>
      </c>
      <c r="F888" s="11">
        <v>47422</v>
      </c>
    </row>
    <row r="889" spans="1:6" ht="27.75" customHeight="1">
      <c r="A889" s="20" t="s">
        <v>1761</v>
      </c>
      <c r="B889" s="13" t="s">
        <v>1762</v>
      </c>
      <c r="C889" s="10" t="s">
        <v>1441</v>
      </c>
      <c r="D889" s="13" t="s">
        <v>1763</v>
      </c>
      <c r="E889" s="13" t="s">
        <v>196</v>
      </c>
      <c r="F889" s="11">
        <v>47422</v>
      </c>
    </row>
    <row r="890" spans="1:6" ht="27.75" customHeight="1">
      <c r="A890" s="15" t="s">
        <v>1764</v>
      </c>
      <c r="B890" s="13" t="s">
        <v>1765</v>
      </c>
      <c r="C890" s="10" t="s">
        <v>1441</v>
      </c>
      <c r="D890" s="9" t="s">
        <v>1766</v>
      </c>
      <c r="E890" s="13" t="s">
        <v>1767</v>
      </c>
      <c r="F890" s="11">
        <v>47422</v>
      </c>
    </row>
    <row r="891" spans="1:6" ht="27.75" customHeight="1">
      <c r="A891" s="12" t="s">
        <v>1768</v>
      </c>
      <c r="B891" s="13" t="s">
        <v>1769</v>
      </c>
      <c r="C891" s="10" t="s">
        <v>1441</v>
      </c>
      <c r="D891" s="13" t="s">
        <v>1770</v>
      </c>
      <c r="E891" s="13" t="s">
        <v>40</v>
      </c>
      <c r="F891" s="11">
        <v>47422</v>
      </c>
    </row>
    <row r="892" spans="1:6" ht="27.75" customHeight="1">
      <c r="A892" s="20" t="s">
        <v>1771</v>
      </c>
      <c r="B892" s="13" t="s">
        <v>1772</v>
      </c>
      <c r="C892" s="10" t="s">
        <v>1441</v>
      </c>
      <c r="D892" s="13" t="s">
        <v>1773</v>
      </c>
      <c r="E892" s="13" t="s">
        <v>111</v>
      </c>
      <c r="F892" s="11">
        <v>47422</v>
      </c>
    </row>
    <row r="893" spans="1:6" ht="27.75" customHeight="1">
      <c r="A893" s="12" t="s">
        <v>1774</v>
      </c>
      <c r="B893" s="13" t="s">
        <v>1775</v>
      </c>
      <c r="C893" s="10" t="s">
        <v>1441</v>
      </c>
      <c r="D893" s="13" t="s">
        <v>1776</v>
      </c>
      <c r="E893" s="13" t="s">
        <v>17</v>
      </c>
      <c r="F893" s="11">
        <v>47422</v>
      </c>
    </row>
    <row r="894" spans="1:6" ht="27.75" customHeight="1">
      <c r="A894" s="12" t="s">
        <v>1777</v>
      </c>
      <c r="B894" s="18" t="s">
        <v>1778</v>
      </c>
      <c r="C894" s="10" t="s">
        <v>1441</v>
      </c>
      <c r="D894" s="18" t="s">
        <v>1779</v>
      </c>
      <c r="E894" s="18" t="s">
        <v>40</v>
      </c>
      <c r="F894" s="19">
        <v>47422</v>
      </c>
    </row>
    <row r="895" spans="1:6" ht="27.75" customHeight="1">
      <c r="A895" s="12" t="s">
        <v>1780</v>
      </c>
      <c r="B895" s="13" t="s">
        <v>1781</v>
      </c>
      <c r="C895" s="10" t="s">
        <v>1441</v>
      </c>
      <c r="D895" s="13" t="s">
        <v>1782</v>
      </c>
      <c r="E895" s="13" t="s">
        <v>1783</v>
      </c>
      <c r="F895" s="11">
        <v>47907</v>
      </c>
    </row>
    <row r="896" spans="1:6" ht="27.75" customHeight="1">
      <c r="A896" s="14" t="s">
        <v>1784</v>
      </c>
      <c r="B896" s="13" t="s">
        <v>1781</v>
      </c>
      <c r="C896" s="10" t="s">
        <v>1441</v>
      </c>
      <c r="D896" s="9" t="s">
        <v>1782</v>
      </c>
      <c r="E896" s="9" t="s">
        <v>21</v>
      </c>
      <c r="F896" s="11">
        <v>47938</v>
      </c>
    </row>
    <row r="897" spans="1:6" ht="27.75" customHeight="1">
      <c r="A897" s="14" t="s">
        <v>1785</v>
      </c>
      <c r="B897" s="13" t="s">
        <v>1786</v>
      </c>
      <c r="C897" s="10" t="s">
        <v>1441</v>
      </c>
      <c r="D897" s="9" t="s">
        <v>1787</v>
      </c>
      <c r="E897" s="9" t="s">
        <v>21</v>
      </c>
      <c r="F897" s="11">
        <v>47238</v>
      </c>
    </row>
    <row r="898" spans="1:6" ht="27.75" customHeight="1">
      <c r="A898" s="14" t="s">
        <v>1788</v>
      </c>
      <c r="B898" s="13" t="s">
        <v>1789</v>
      </c>
      <c r="C898" s="10" t="s">
        <v>1441</v>
      </c>
      <c r="D898" s="9" t="s">
        <v>1790</v>
      </c>
      <c r="E898" s="9" t="s">
        <v>21</v>
      </c>
      <c r="F898" s="11">
        <v>47603</v>
      </c>
    </row>
    <row r="899" spans="1:6" ht="27.75" customHeight="1">
      <c r="A899" s="12" t="s">
        <v>1791</v>
      </c>
      <c r="B899" s="13" t="s">
        <v>1789</v>
      </c>
      <c r="C899" s="10" t="s">
        <v>1441</v>
      </c>
      <c r="D899" s="13" t="s">
        <v>1790</v>
      </c>
      <c r="E899" s="13" t="s">
        <v>369</v>
      </c>
      <c r="F899" s="11">
        <v>47603</v>
      </c>
    </row>
    <row r="900" spans="1:6" ht="27.75" customHeight="1">
      <c r="A900" s="14" t="s">
        <v>1792</v>
      </c>
      <c r="B900" s="9" t="s">
        <v>1793</v>
      </c>
      <c r="C900" s="10" t="s">
        <v>1441</v>
      </c>
      <c r="D900" s="9" t="s">
        <v>1794</v>
      </c>
      <c r="E900" s="9" t="s">
        <v>253</v>
      </c>
      <c r="F900" s="11">
        <v>47422</v>
      </c>
    </row>
    <row r="901" spans="1:6" ht="27.75" customHeight="1">
      <c r="A901" s="12" t="s">
        <v>1795</v>
      </c>
      <c r="B901" s="13" t="s">
        <v>1793</v>
      </c>
      <c r="C901" s="10" t="s">
        <v>1441</v>
      </c>
      <c r="D901" s="13" t="s">
        <v>1794</v>
      </c>
      <c r="E901" s="13" t="s">
        <v>1796</v>
      </c>
      <c r="F901" s="11">
        <v>47422</v>
      </c>
    </row>
    <row r="902" spans="1:6" ht="27.75" customHeight="1">
      <c r="A902" s="20" t="s">
        <v>1797</v>
      </c>
      <c r="B902" s="9" t="s">
        <v>1793</v>
      </c>
      <c r="C902" s="10" t="s">
        <v>1441</v>
      </c>
      <c r="D902" s="13" t="s">
        <v>1794</v>
      </c>
      <c r="E902" s="13" t="s">
        <v>393</v>
      </c>
      <c r="F902" s="11">
        <v>47452</v>
      </c>
    </row>
    <row r="903" spans="1:6" ht="27.75" customHeight="1">
      <c r="A903" s="12" t="s">
        <v>1798</v>
      </c>
      <c r="B903" s="13" t="s">
        <v>1799</v>
      </c>
      <c r="C903" s="10" t="s">
        <v>1441</v>
      </c>
      <c r="D903" s="13" t="s">
        <v>1800</v>
      </c>
      <c r="E903" s="13" t="s">
        <v>266</v>
      </c>
      <c r="F903" s="11">
        <v>47422</v>
      </c>
    </row>
    <row r="904" spans="1:6" ht="27.75" customHeight="1">
      <c r="A904" s="14" t="s">
        <v>1801</v>
      </c>
      <c r="B904" s="13" t="s">
        <v>1802</v>
      </c>
      <c r="C904" s="10" t="s">
        <v>1441</v>
      </c>
      <c r="D904" s="9" t="s">
        <v>1803</v>
      </c>
      <c r="E904" s="9" t="s">
        <v>111</v>
      </c>
      <c r="F904" s="11">
        <v>46356</v>
      </c>
    </row>
    <row r="905" spans="1:6" ht="27.75" customHeight="1">
      <c r="A905" s="12" t="s">
        <v>1804</v>
      </c>
      <c r="B905" s="13" t="s">
        <v>1802</v>
      </c>
      <c r="C905" s="10" t="s">
        <v>1441</v>
      </c>
      <c r="D905" s="13" t="s">
        <v>1803</v>
      </c>
      <c r="E905" s="13" t="s">
        <v>55</v>
      </c>
      <c r="F905" s="11">
        <v>47422</v>
      </c>
    </row>
    <row r="906" spans="1:6" ht="27.75" customHeight="1">
      <c r="A906" s="12" t="s">
        <v>1805</v>
      </c>
      <c r="B906" s="13" t="s">
        <v>1802</v>
      </c>
      <c r="C906" s="10" t="s">
        <v>1441</v>
      </c>
      <c r="D906" s="13" t="s">
        <v>1806</v>
      </c>
      <c r="E906" s="13" t="s">
        <v>111</v>
      </c>
      <c r="F906" s="11">
        <v>46783</v>
      </c>
    </row>
    <row r="907" spans="1:6" ht="27.75" customHeight="1">
      <c r="A907" s="12" t="s">
        <v>1807</v>
      </c>
      <c r="B907" s="13" t="s">
        <v>1808</v>
      </c>
      <c r="C907" s="10" t="s">
        <v>1441</v>
      </c>
      <c r="D907" s="13" t="s">
        <v>1809</v>
      </c>
      <c r="E907" s="13" t="s">
        <v>502</v>
      </c>
      <c r="F907" s="11">
        <v>46418</v>
      </c>
    </row>
    <row r="908" spans="1:6" ht="27.75" customHeight="1">
      <c r="A908" s="12" t="s">
        <v>1810</v>
      </c>
      <c r="B908" s="13" t="s">
        <v>1811</v>
      </c>
      <c r="C908" s="10" t="s">
        <v>1441</v>
      </c>
      <c r="D908" s="13" t="s">
        <v>1812</v>
      </c>
      <c r="E908" s="13" t="s">
        <v>984</v>
      </c>
      <c r="F908" s="11">
        <v>47238</v>
      </c>
    </row>
    <row r="909" spans="1:6" ht="27.75" customHeight="1">
      <c r="A909" s="14" t="s">
        <v>1813</v>
      </c>
      <c r="B909" s="13" t="s">
        <v>1811</v>
      </c>
      <c r="C909" s="10" t="s">
        <v>1441</v>
      </c>
      <c r="D909" s="9" t="s">
        <v>1814</v>
      </c>
      <c r="E909" s="9" t="s">
        <v>21</v>
      </c>
      <c r="F909" s="11">
        <v>47422</v>
      </c>
    </row>
    <row r="910" spans="1:6" ht="27.75" customHeight="1">
      <c r="A910" s="14" t="s">
        <v>1815</v>
      </c>
      <c r="B910" s="13" t="s">
        <v>1816</v>
      </c>
      <c r="C910" s="10" t="s">
        <v>1441</v>
      </c>
      <c r="D910" s="9" t="s">
        <v>1817</v>
      </c>
      <c r="E910" s="9" t="s">
        <v>1818</v>
      </c>
      <c r="F910" s="11">
        <v>47269</v>
      </c>
    </row>
    <row r="911" spans="1:6" ht="27.75" customHeight="1">
      <c r="A911" s="20" t="s">
        <v>1819</v>
      </c>
      <c r="B911" s="13" t="s">
        <v>1820</v>
      </c>
      <c r="C911" s="10" t="s">
        <v>1441</v>
      </c>
      <c r="D911" s="13" t="s">
        <v>1821</v>
      </c>
      <c r="E911" s="13" t="s">
        <v>21</v>
      </c>
      <c r="F911" s="11">
        <v>47422</v>
      </c>
    </row>
    <row r="912" spans="1:6" ht="27.75" customHeight="1">
      <c r="A912" s="12" t="s">
        <v>1822</v>
      </c>
      <c r="B912" s="13" t="s">
        <v>1823</v>
      </c>
      <c r="C912" s="10" t="s">
        <v>1441</v>
      </c>
      <c r="D912" s="13" t="s">
        <v>1824</v>
      </c>
      <c r="E912" s="13" t="s">
        <v>17</v>
      </c>
      <c r="F912" s="11">
        <v>47422</v>
      </c>
    </row>
    <row r="913" spans="1:6" ht="27.75" customHeight="1">
      <c r="A913" s="14" t="s">
        <v>1825</v>
      </c>
      <c r="B913" s="13" t="s">
        <v>1826</v>
      </c>
      <c r="C913" s="10" t="s">
        <v>1441</v>
      </c>
      <c r="D913" s="9" t="s">
        <v>1827</v>
      </c>
      <c r="E913" s="9" t="s">
        <v>44</v>
      </c>
      <c r="F913" s="11">
        <v>47422</v>
      </c>
    </row>
    <row r="914" spans="1:6" ht="27.75" customHeight="1">
      <c r="A914" s="12" t="s">
        <v>1828</v>
      </c>
      <c r="B914" s="13" t="s">
        <v>1829</v>
      </c>
      <c r="C914" s="10" t="s">
        <v>1441</v>
      </c>
      <c r="D914" s="13" t="s">
        <v>1830</v>
      </c>
      <c r="E914" s="13" t="s">
        <v>86</v>
      </c>
      <c r="F914" s="11">
        <v>47422</v>
      </c>
    </row>
    <row r="915" spans="1:6" ht="27.75" customHeight="1">
      <c r="A915" s="12" t="s">
        <v>1831</v>
      </c>
      <c r="B915" s="13" t="s">
        <v>1832</v>
      </c>
      <c r="C915" s="10" t="s">
        <v>1441</v>
      </c>
      <c r="D915" s="13" t="s">
        <v>1833</v>
      </c>
      <c r="E915" s="13" t="s">
        <v>1834</v>
      </c>
      <c r="F915" s="11">
        <v>47422</v>
      </c>
    </row>
    <row r="916" spans="1:6" ht="27.75" customHeight="1">
      <c r="A916" s="8" t="s">
        <v>1835</v>
      </c>
      <c r="B916" s="9" t="s">
        <v>1836</v>
      </c>
      <c r="C916" s="10" t="s">
        <v>1441</v>
      </c>
      <c r="D916" s="9" t="s">
        <v>1837</v>
      </c>
      <c r="E916" s="9" t="s">
        <v>55</v>
      </c>
      <c r="F916" s="11">
        <v>47634</v>
      </c>
    </row>
    <row r="917" spans="1:6" ht="27.75" customHeight="1">
      <c r="A917" s="14" t="s">
        <v>1838</v>
      </c>
      <c r="B917" s="13" t="s">
        <v>1839</v>
      </c>
      <c r="C917" s="10" t="s">
        <v>1441</v>
      </c>
      <c r="D917" s="9" t="s">
        <v>1837</v>
      </c>
      <c r="E917" s="9" t="s">
        <v>253</v>
      </c>
      <c r="F917" s="11">
        <v>47422</v>
      </c>
    </row>
    <row r="918" spans="1:6" ht="27.75" customHeight="1">
      <c r="A918" s="14" t="s">
        <v>1840</v>
      </c>
      <c r="B918" s="13" t="s">
        <v>1839</v>
      </c>
      <c r="C918" s="10" t="s">
        <v>1441</v>
      </c>
      <c r="D918" s="13" t="s">
        <v>1837</v>
      </c>
      <c r="E918" s="9" t="s">
        <v>21</v>
      </c>
      <c r="F918" s="11">
        <v>47422</v>
      </c>
    </row>
    <row r="919" spans="1:6" ht="27.75" customHeight="1">
      <c r="A919" s="20" t="s">
        <v>1841</v>
      </c>
      <c r="B919" s="13" t="s">
        <v>1839</v>
      </c>
      <c r="C919" s="10" t="s">
        <v>1441</v>
      </c>
      <c r="D919" s="13" t="s">
        <v>1837</v>
      </c>
      <c r="E919" s="13" t="s">
        <v>274</v>
      </c>
      <c r="F919" s="11">
        <v>47452</v>
      </c>
    </row>
    <row r="920" spans="1:6" ht="27.75" customHeight="1">
      <c r="A920" s="17" t="s">
        <v>1842</v>
      </c>
      <c r="B920" s="13" t="s">
        <v>1839</v>
      </c>
      <c r="C920" s="10" t="s">
        <v>1441</v>
      </c>
      <c r="D920" s="9" t="s">
        <v>1837</v>
      </c>
      <c r="E920" s="9" t="s">
        <v>502</v>
      </c>
      <c r="F920" s="11">
        <v>47422</v>
      </c>
    </row>
    <row r="921" spans="1:6" ht="27.75" customHeight="1">
      <c r="A921" s="14" t="s">
        <v>1843</v>
      </c>
      <c r="B921" s="13" t="s">
        <v>1839</v>
      </c>
      <c r="C921" s="10" t="s">
        <v>1441</v>
      </c>
      <c r="D921" s="9" t="s">
        <v>1837</v>
      </c>
      <c r="E921" s="9" t="s">
        <v>44</v>
      </c>
      <c r="F921" s="11">
        <v>46752</v>
      </c>
    </row>
    <row r="922" spans="1:6" ht="27.75" customHeight="1">
      <c r="A922" s="14" t="s">
        <v>1844</v>
      </c>
      <c r="B922" s="9" t="s">
        <v>1839</v>
      </c>
      <c r="C922" s="10" t="s">
        <v>1441</v>
      </c>
      <c r="D922" s="9" t="s">
        <v>1837</v>
      </c>
      <c r="E922" s="9" t="s">
        <v>55</v>
      </c>
      <c r="F922" s="11">
        <v>47664</v>
      </c>
    </row>
    <row r="923" spans="1:6" ht="27.75" customHeight="1">
      <c r="A923" s="8" t="s">
        <v>1845</v>
      </c>
      <c r="B923" s="9" t="s">
        <v>1846</v>
      </c>
      <c r="C923" s="10" t="s">
        <v>1441</v>
      </c>
      <c r="D923" s="13" t="s">
        <v>1847</v>
      </c>
      <c r="E923" s="13" t="s">
        <v>1848</v>
      </c>
      <c r="F923" s="11">
        <v>46873</v>
      </c>
    </row>
    <row r="924" spans="1:6" ht="27.75" customHeight="1">
      <c r="A924" s="8" t="s">
        <v>1849</v>
      </c>
      <c r="B924" s="9" t="s">
        <v>1850</v>
      </c>
      <c r="C924" s="10" t="s">
        <v>1441</v>
      </c>
      <c r="D924" s="9" t="s">
        <v>1851</v>
      </c>
      <c r="E924" s="13" t="s">
        <v>1852</v>
      </c>
      <c r="F924" s="11">
        <v>47149</v>
      </c>
    </row>
    <row r="925" spans="1:6" ht="27.75" customHeight="1">
      <c r="A925" s="12" t="s">
        <v>1853</v>
      </c>
      <c r="B925" s="13" t="s">
        <v>1854</v>
      </c>
      <c r="C925" s="10" t="s">
        <v>1441</v>
      </c>
      <c r="D925" s="13" t="s">
        <v>1855</v>
      </c>
      <c r="E925" s="13" t="s">
        <v>21</v>
      </c>
      <c r="F925" s="11">
        <v>46234</v>
      </c>
    </row>
    <row r="926" spans="1:6" ht="27.75" customHeight="1">
      <c r="A926" s="14" t="s">
        <v>1856</v>
      </c>
      <c r="B926" s="13" t="s">
        <v>1857</v>
      </c>
      <c r="C926" s="10" t="s">
        <v>1441</v>
      </c>
      <c r="D926" s="9" t="s">
        <v>1858</v>
      </c>
      <c r="E926" s="9" t="s">
        <v>1859</v>
      </c>
      <c r="F926" s="11">
        <v>47422</v>
      </c>
    </row>
    <row r="927" spans="1:6" ht="27.75" customHeight="1">
      <c r="A927" s="8" t="s">
        <v>1860</v>
      </c>
      <c r="B927" s="9" t="s">
        <v>1861</v>
      </c>
      <c r="C927" s="10" t="s">
        <v>1441</v>
      </c>
      <c r="D927" s="9" t="s">
        <v>1862</v>
      </c>
      <c r="E927" s="9" t="s">
        <v>196</v>
      </c>
      <c r="F927" s="11">
        <v>47483</v>
      </c>
    </row>
    <row r="928" spans="1:6" ht="27.75" customHeight="1">
      <c r="A928" s="12" t="s">
        <v>1863</v>
      </c>
      <c r="B928" s="18" t="s">
        <v>1864</v>
      </c>
      <c r="C928" s="10" t="s">
        <v>1441</v>
      </c>
      <c r="D928" s="18" t="s">
        <v>1865</v>
      </c>
      <c r="E928" s="18" t="s">
        <v>1866</v>
      </c>
      <c r="F928" s="19">
        <v>46660</v>
      </c>
    </row>
    <row r="929" spans="1:6" ht="27.75" customHeight="1">
      <c r="A929" s="23" t="s">
        <v>1867</v>
      </c>
      <c r="B929" s="9" t="s">
        <v>1864</v>
      </c>
      <c r="C929" s="10" t="s">
        <v>1441</v>
      </c>
      <c r="D929" s="9" t="s">
        <v>1865</v>
      </c>
      <c r="E929" s="24" t="s">
        <v>1868</v>
      </c>
      <c r="F929" s="11">
        <v>47514</v>
      </c>
    </row>
    <row r="930" spans="1:6" ht="27.75" customHeight="1">
      <c r="A930" s="23" t="s">
        <v>1869</v>
      </c>
      <c r="B930" s="9" t="s">
        <v>1870</v>
      </c>
      <c r="C930" s="10" t="s">
        <v>1441</v>
      </c>
      <c r="D930" s="9" t="s">
        <v>1871</v>
      </c>
      <c r="E930" s="24" t="s">
        <v>17</v>
      </c>
      <c r="F930" s="11">
        <v>46873</v>
      </c>
    </row>
    <row r="931" spans="1:6" ht="27.75" customHeight="1">
      <c r="A931" s="12" t="s">
        <v>1872</v>
      </c>
      <c r="B931" s="13" t="s">
        <v>1873</v>
      </c>
      <c r="C931" s="10" t="s">
        <v>1441</v>
      </c>
      <c r="D931" s="13" t="s">
        <v>1874</v>
      </c>
      <c r="E931" s="13" t="s">
        <v>1875</v>
      </c>
      <c r="F931" s="11">
        <v>46843</v>
      </c>
    </row>
    <row r="932" spans="1:6" ht="27.75" customHeight="1">
      <c r="A932" s="12" t="s">
        <v>1876</v>
      </c>
      <c r="B932" s="13" t="s">
        <v>1877</v>
      </c>
      <c r="C932" s="10" t="s">
        <v>1441</v>
      </c>
      <c r="D932" s="13" t="s">
        <v>1878</v>
      </c>
      <c r="E932" s="13" t="s">
        <v>21</v>
      </c>
      <c r="F932" s="11">
        <v>47422</v>
      </c>
    </row>
    <row r="933" spans="1:6" ht="27.75" customHeight="1">
      <c r="A933" s="12" t="s">
        <v>1879</v>
      </c>
      <c r="B933" s="13" t="s">
        <v>1880</v>
      </c>
      <c r="C933" s="10" t="s">
        <v>1441</v>
      </c>
      <c r="D933" s="13" t="s">
        <v>1881</v>
      </c>
      <c r="E933" s="13" t="s">
        <v>11</v>
      </c>
      <c r="F933" s="11">
        <v>47422</v>
      </c>
    </row>
    <row r="934" spans="1:6" ht="27.75" customHeight="1">
      <c r="A934" s="14" t="s">
        <v>1882</v>
      </c>
      <c r="B934" s="13" t="s">
        <v>1880</v>
      </c>
      <c r="C934" s="10" t="s">
        <v>1441</v>
      </c>
      <c r="D934" s="9" t="s">
        <v>1881</v>
      </c>
      <c r="E934" s="9" t="s">
        <v>430</v>
      </c>
      <c r="F934" s="11">
        <v>47422</v>
      </c>
    </row>
    <row r="935" spans="1:6" ht="27.75" customHeight="1">
      <c r="A935" s="14" t="s">
        <v>1883</v>
      </c>
      <c r="B935" s="13" t="s">
        <v>1880</v>
      </c>
      <c r="C935" s="10" t="s">
        <v>1441</v>
      </c>
      <c r="D935" s="9" t="s">
        <v>1881</v>
      </c>
      <c r="E935" s="9" t="s">
        <v>1884</v>
      </c>
      <c r="F935" s="11">
        <v>47422</v>
      </c>
    </row>
    <row r="936" spans="1:6" ht="27.75" customHeight="1">
      <c r="A936" s="14" t="s">
        <v>1885</v>
      </c>
      <c r="B936" s="13" t="s">
        <v>1880</v>
      </c>
      <c r="C936" s="10" t="s">
        <v>1441</v>
      </c>
      <c r="D936" s="9" t="s">
        <v>1881</v>
      </c>
      <c r="E936" s="9" t="s">
        <v>274</v>
      </c>
      <c r="F936" s="11">
        <v>47422</v>
      </c>
    </row>
    <row r="937" spans="1:6" ht="27.75" customHeight="1">
      <c r="A937" s="20" t="s">
        <v>1886</v>
      </c>
      <c r="B937" s="9" t="s">
        <v>1880</v>
      </c>
      <c r="C937" s="10" t="s">
        <v>1441</v>
      </c>
      <c r="D937" s="9" t="s">
        <v>1881</v>
      </c>
      <c r="E937" s="13" t="s">
        <v>393</v>
      </c>
      <c r="F937" s="11">
        <v>47422</v>
      </c>
    </row>
    <row r="938" spans="1:6" ht="27.75" customHeight="1">
      <c r="A938" s="20" t="s">
        <v>1887</v>
      </c>
      <c r="B938" s="13" t="s">
        <v>1880</v>
      </c>
      <c r="C938" s="10" t="s">
        <v>1441</v>
      </c>
      <c r="D938" s="13" t="s">
        <v>1881</v>
      </c>
      <c r="E938" s="13" t="s">
        <v>40</v>
      </c>
      <c r="F938" s="11">
        <v>47422</v>
      </c>
    </row>
    <row r="939" spans="1:6" ht="27.75" customHeight="1">
      <c r="A939" s="12" t="s">
        <v>1888</v>
      </c>
      <c r="B939" s="18" t="s">
        <v>1880</v>
      </c>
      <c r="C939" s="10" t="s">
        <v>1441</v>
      </c>
      <c r="D939" s="18" t="s">
        <v>1881</v>
      </c>
      <c r="E939" s="18" t="s">
        <v>17</v>
      </c>
      <c r="F939" s="19">
        <v>47422</v>
      </c>
    </row>
    <row r="940" spans="1:6" ht="27.75" customHeight="1">
      <c r="A940" s="12" t="s">
        <v>1889</v>
      </c>
      <c r="B940" s="13" t="s">
        <v>1880</v>
      </c>
      <c r="C940" s="10" t="s">
        <v>1441</v>
      </c>
      <c r="D940" s="13" t="s">
        <v>1881</v>
      </c>
      <c r="E940" s="13" t="s">
        <v>232</v>
      </c>
      <c r="F940" s="11">
        <v>47422</v>
      </c>
    </row>
    <row r="941" spans="1:6" ht="27.75" customHeight="1">
      <c r="A941" s="14" t="s">
        <v>1890</v>
      </c>
      <c r="B941" s="13" t="s">
        <v>1880</v>
      </c>
      <c r="C941" s="10" t="s">
        <v>1441</v>
      </c>
      <c r="D941" s="9" t="s">
        <v>1881</v>
      </c>
      <c r="E941" s="9" t="s">
        <v>228</v>
      </c>
      <c r="F941" s="11">
        <v>47422</v>
      </c>
    </row>
    <row r="942" spans="1:6" ht="27.75" customHeight="1">
      <c r="A942" s="14" t="s">
        <v>1891</v>
      </c>
      <c r="B942" s="13" t="s">
        <v>1880</v>
      </c>
      <c r="C942" s="10" t="s">
        <v>1441</v>
      </c>
      <c r="D942" s="9" t="s">
        <v>1881</v>
      </c>
      <c r="E942" s="9" t="s">
        <v>63</v>
      </c>
      <c r="F942" s="11">
        <v>47422</v>
      </c>
    </row>
    <row r="943" spans="1:6" ht="27.75" customHeight="1">
      <c r="A943" s="12" t="s">
        <v>1892</v>
      </c>
      <c r="B943" s="13" t="s">
        <v>1880</v>
      </c>
      <c r="C943" s="10" t="s">
        <v>1441</v>
      </c>
      <c r="D943" s="13" t="s">
        <v>1881</v>
      </c>
      <c r="E943" s="13" t="s">
        <v>1085</v>
      </c>
      <c r="F943" s="11">
        <v>47422</v>
      </c>
    </row>
    <row r="944" spans="1:6" ht="27.75" customHeight="1">
      <c r="A944" s="12" t="s">
        <v>1893</v>
      </c>
      <c r="B944" s="18" t="s">
        <v>1880</v>
      </c>
      <c r="C944" s="10" t="s">
        <v>1441</v>
      </c>
      <c r="D944" s="18" t="s">
        <v>1881</v>
      </c>
      <c r="E944" s="18" t="s">
        <v>21</v>
      </c>
      <c r="F944" s="19">
        <v>47422</v>
      </c>
    </row>
    <row r="945" spans="1:6" ht="27.75" customHeight="1">
      <c r="A945" s="14" t="s">
        <v>1894</v>
      </c>
      <c r="B945" s="13" t="s">
        <v>1880</v>
      </c>
      <c r="C945" s="10" t="s">
        <v>1441</v>
      </c>
      <c r="D945" s="9" t="s">
        <v>1881</v>
      </c>
      <c r="E945" s="9" t="s">
        <v>40</v>
      </c>
      <c r="F945" s="11">
        <v>47422</v>
      </c>
    </row>
    <row r="946" spans="1:6" ht="27.75" customHeight="1">
      <c r="A946" s="14" t="s">
        <v>1895</v>
      </c>
      <c r="B946" s="13" t="s">
        <v>1880</v>
      </c>
      <c r="C946" s="10" t="s">
        <v>1441</v>
      </c>
      <c r="D946" s="9" t="s">
        <v>1881</v>
      </c>
      <c r="E946" s="9" t="s">
        <v>228</v>
      </c>
      <c r="F946" s="11">
        <v>47422</v>
      </c>
    </row>
    <row r="947" spans="1:6" ht="27.75" customHeight="1">
      <c r="A947" s="14" t="s">
        <v>1896</v>
      </c>
      <c r="B947" s="9" t="s">
        <v>1897</v>
      </c>
      <c r="C947" s="14" t="s">
        <v>1441</v>
      </c>
      <c r="D947" s="9" t="s">
        <v>1881</v>
      </c>
      <c r="E947" s="9" t="s">
        <v>1884</v>
      </c>
      <c r="F947" s="11">
        <v>46446</v>
      </c>
    </row>
    <row r="948" spans="1:6" ht="27.75" customHeight="1">
      <c r="A948" s="14" t="s">
        <v>1898</v>
      </c>
      <c r="B948" s="13" t="s">
        <v>1897</v>
      </c>
      <c r="C948" s="14" t="s">
        <v>1441</v>
      </c>
      <c r="D948" s="9" t="s">
        <v>1881</v>
      </c>
      <c r="E948" s="9" t="s">
        <v>848</v>
      </c>
      <c r="F948" s="11">
        <v>46568</v>
      </c>
    </row>
    <row r="949" spans="1:6" ht="27.75" customHeight="1">
      <c r="A949" s="14" t="s">
        <v>1899</v>
      </c>
      <c r="B949" s="9" t="s">
        <v>1897</v>
      </c>
      <c r="C949" s="14" t="s">
        <v>1441</v>
      </c>
      <c r="D949" s="9" t="s">
        <v>1881</v>
      </c>
      <c r="E949" s="9" t="s">
        <v>234</v>
      </c>
      <c r="F949" s="11">
        <v>46446</v>
      </c>
    </row>
    <row r="950" spans="1:6" ht="27.75" customHeight="1">
      <c r="A950" s="15" t="s">
        <v>1900</v>
      </c>
      <c r="B950" s="13" t="s">
        <v>1897</v>
      </c>
      <c r="C950" s="14" t="s">
        <v>1441</v>
      </c>
      <c r="D950" s="9" t="s">
        <v>1881</v>
      </c>
      <c r="E950" s="13" t="s">
        <v>234</v>
      </c>
      <c r="F950" s="11">
        <v>46446</v>
      </c>
    </row>
    <row r="951" spans="1:6" ht="27.75" customHeight="1">
      <c r="A951" s="15" t="s">
        <v>1901</v>
      </c>
      <c r="B951" s="13" t="s">
        <v>1897</v>
      </c>
      <c r="C951" s="14" t="s">
        <v>1441</v>
      </c>
      <c r="D951" s="9" t="s">
        <v>1881</v>
      </c>
      <c r="E951" s="13" t="s">
        <v>11</v>
      </c>
      <c r="F951" s="11">
        <v>47573</v>
      </c>
    </row>
    <row r="952" spans="1:6" ht="27.75" customHeight="1">
      <c r="A952" s="12" t="s">
        <v>1902</v>
      </c>
      <c r="B952" s="13" t="s">
        <v>1897</v>
      </c>
      <c r="C952" s="14" t="s">
        <v>1441</v>
      </c>
      <c r="D952" s="13" t="s">
        <v>1881</v>
      </c>
      <c r="E952" s="13" t="s">
        <v>823</v>
      </c>
      <c r="F952" s="11">
        <v>47695</v>
      </c>
    </row>
    <row r="953" spans="1:6" ht="27.75" customHeight="1">
      <c r="A953" s="14" t="s">
        <v>1903</v>
      </c>
      <c r="B953" s="13" t="s">
        <v>1897</v>
      </c>
      <c r="C953" s="14" t="s">
        <v>1441</v>
      </c>
      <c r="D953" s="9" t="s">
        <v>1881</v>
      </c>
      <c r="E953" s="9" t="s">
        <v>115</v>
      </c>
      <c r="F953" s="11">
        <v>46783</v>
      </c>
    </row>
    <row r="954" spans="1:6" ht="27.75" customHeight="1">
      <c r="A954" s="12" t="s">
        <v>1904</v>
      </c>
      <c r="B954" s="13" t="s">
        <v>1897</v>
      </c>
      <c r="C954" s="14" t="s">
        <v>1441</v>
      </c>
      <c r="D954" s="13" t="s">
        <v>1881</v>
      </c>
      <c r="E954" s="13" t="s">
        <v>1905</v>
      </c>
      <c r="F954" s="11">
        <v>46234</v>
      </c>
    </row>
    <row r="955" spans="1:6" ht="27.75" customHeight="1">
      <c r="A955" s="12" t="s">
        <v>1906</v>
      </c>
      <c r="B955" s="13" t="s">
        <v>1897</v>
      </c>
      <c r="C955" s="14" t="s">
        <v>1441</v>
      </c>
      <c r="D955" s="13" t="s">
        <v>1881</v>
      </c>
      <c r="E955" s="13" t="s">
        <v>234</v>
      </c>
      <c r="F955" s="11">
        <v>46446</v>
      </c>
    </row>
    <row r="956" spans="1:6" ht="27.75" customHeight="1">
      <c r="A956" s="14" t="s">
        <v>1907</v>
      </c>
      <c r="B956" s="13" t="s">
        <v>1897</v>
      </c>
      <c r="C956" s="14" t="s">
        <v>1441</v>
      </c>
      <c r="D956" s="9" t="s">
        <v>1881</v>
      </c>
      <c r="E956" s="9" t="s">
        <v>823</v>
      </c>
      <c r="F956" s="11">
        <v>47695</v>
      </c>
    </row>
    <row r="957" spans="1:6" ht="27.75" customHeight="1">
      <c r="A957" s="12" t="s">
        <v>1908</v>
      </c>
      <c r="B957" s="13" t="s">
        <v>1897</v>
      </c>
      <c r="C957" s="14" t="s">
        <v>1441</v>
      </c>
      <c r="D957" s="13" t="s">
        <v>1881</v>
      </c>
      <c r="E957" s="13" t="s">
        <v>253</v>
      </c>
      <c r="F957" s="11">
        <v>47330</v>
      </c>
    </row>
    <row r="958" spans="1:6" ht="27.75" customHeight="1">
      <c r="A958" s="14" t="s">
        <v>1909</v>
      </c>
      <c r="B958" s="13" t="s">
        <v>1897</v>
      </c>
      <c r="C958" s="14" t="s">
        <v>1441</v>
      </c>
      <c r="D958" s="9" t="s">
        <v>1881</v>
      </c>
      <c r="E958" s="9" t="s">
        <v>25</v>
      </c>
      <c r="F958" s="11">
        <v>47573</v>
      </c>
    </row>
    <row r="959" spans="1:6" ht="27.75" customHeight="1">
      <c r="A959" s="12" t="s">
        <v>1910</v>
      </c>
      <c r="B959" s="13" t="s">
        <v>1897</v>
      </c>
      <c r="C959" s="14" t="s">
        <v>1441</v>
      </c>
      <c r="D959" s="13" t="s">
        <v>1881</v>
      </c>
      <c r="E959" s="13" t="s">
        <v>44</v>
      </c>
      <c r="F959" s="11">
        <v>47422</v>
      </c>
    </row>
    <row r="960" spans="1:6" ht="27.75" customHeight="1">
      <c r="A960" s="20" t="s">
        <v>1911</v>
      </c>
      <c r="B960" s="13" t="s">
        <v>1897</v>
      </c>
      <c r="C960" s="14" t="s">
        <v>1441</v>
      </c>
      <c r="D960" s="13" t="s">
        <v>1881</v>
      </c>
      <c r="E960" s="13" t="s">
        <v>44</v>
      </c>
      <c r="F960" s="11">
        <v>46142</v>
      </c>
    </row>
    <row r="961" spans="1:6" ht="27.75" customHeight="1">
      <c r="A961" s="12" t="s">
        <v>1912</v>
      </c>
      <c r="B961" s="13" t="s">
        <v>1897</v>
      </c>
      <c r="C961" s="14" t="s">
        <v>1441</v>
      </c>
      <c r="D961" s="13" t="s">
        <v>1881</v>
      </c>
      <c r="E961" s="13" t="s">
        <v>1913</v>
      </c>
      <c r="F961" s="11">
        <v>47330</v>
      </c>
    </row>
    <row r="962" spans="1:6" ht="27.75" customHeight="1">
      <c r="A962" s="8" t="s">
        <v>1914</v>
      </c>
      <c r="B962" s="9" t="s">
        <v>1897</v>
      </c>
      <c r="C962" s="14" t="s">
        <v>1441</v>
      </c>
      <c r="D962" s="9" t="s">
        <v>1881</v>
      </c>
      <c r="E962" s="9" t="s">
        <v>1915</v>
      </c>
      <c r="F962" s="11">
        <v>46326</v>
      </c>
    </row>
    <row r="963" spans="1:6" ht="27.75" customHeight="1">
      <c r="A963" s="12" t="s">
        <v>1916</v>
      </c>
      <c r="B963" s="13" t="s">
        <v>1897</v>
      </c>
      <c r="C963" s="14" t="s">
        <v>1441</v>
      </c>
      <c r="D963" s="13" t="s">
        <v>1881</v>
      </c>
      <c r="E963" s="13" t="s">
        <v>393</v>
      </c>
      <c r="F963" s="11">
        <v>46691</v>
      </c>
    </row>
    <row r="964" spans="1:6" ht="27.75" customHeight="1">
      <c r="A964" s="12" t="s">
        <v>1917</v>
      </c>
      <c r="B964" s="13" t="s">
        <v>1897</v>
      </c>
      <c r="C964" s="14" t="s">
        <v>1441</v>
      </c>
      <c r="D964" s="13" t="s">
        <v>1881</v>
      </c>
      <c r="E964" s="13" t="s">
        <v>228</v>
      </c>
      <c r="F964" s="11">
        <v>47087</v>
      </c>
    </row>
    <row r="965" spans="1:6" ht="27.75" customHeight="1">
      <c r="A965" s="20" t="s">
        <v>1918</v>
      </c>
      <c r="B965" s="13" t="s">
        <v>1897</v>
      </c>
      <c r="C965" s="14" t="s">
        <v>1441</v>
      </c>
      <c r="D965" s="13" t="s">
        <v>1881</v>
      </c>
      <c r="E965" s="13" t="s">
        <v>1919</v>
      </c>
      <c r="F965" s="11">
        <v>47664</v>
      </c>
    </row>
    <row r="966" spans="1:6" ht="27.75" customHeight="1">
      <c r="A966" s="14" t="s">
        <v>1920</v>
      </c>
      <c r="B966" s="9" t="s">
        <v>1897</v>
      </c>
      <c r="C966" s="14" t="s">
        <v>1441</v>
      </c>
      <c r="D966" s="9" t="s">
        <v>1881</v>
      </c>
      <c r="E966" s="9" t="s">
        <v>295</v>
      </c>
      <c r="F966" s="11">
        <v>47726</v>
      </c>
    </row>
    <row r="967" spans="1:6" ht="27.75" customHeight="1">
      <c r="A967" s="12" t="s">
        <v>1921</v>
      </c>
      <c r="B967" s="13" t="s">
        <v>1897</v>
      </c>
      <c r="C967" s="14" t="s">
        <v>1441</v>
      </c>
      <c r="D967" s="9" t="s">
        <v>1881</v>
      </c>
      <c r="E967" s="13" t="s">
        <v>393</v>
      </c>
      <c r="F967" s="11">
        <v>47603</v>
      </c>
    </row>
    <row r="968" spans="1:6" ht="27.75" customHeight="1">
      <c r="A968" s="15" t="s">
        <v>1922</v>
      </c>
      <c r="B968" s="9" t="s">
        <v>1897</v>
      </c>
      <c r="C968" s="14" t="s">
        <v>1441</v>
      </c>
      <c r="D968" s="9" t="s">
        <v>1881</v>
      </c>
      <c r="E968" s="13" t="s">
        <v>21</v>
      </c>
      <c r="F968" s="11">
        <v>47422</v>
      </c>
    </row>
    <row r="969" spans="1:6" ht="27.75" customHeight="1">
      <c r="A969" s="12" t="s">
        <v>1923</v>
      </c>
      <c r="B969" s="13" t="s">
        <v>1897</v>
      </c>
      <c r="C969" s="14" t="s">
        <v>1441</v>
      </c>
      <c r="D969" s="9" t="s">
        <v>1881</v>
      </c>
      <c r="E969" s="9" t="s">
        <v>111</v>
      </c>
      <c r="F969" s="11">
        <v>47938</v>
      </c>
    </row>
    <row r="970" spans="1:6" ht="27.75" customHeight="1">
      <c r="A970" s="12" t="s">
        <v>1924</v>
      </c>
      <c r="B970" s="13" t="s">
        <v>1897</v>
      </c>
      <c r="C970" s="14" t="s">
        <v>1441</v>
      </c>
      <c r="D970" s="13" t="s">
        <v>1881</v>
      </c>
      <c r="E970" s="13" t="s">
        <v>270</v>
      </c>
      <c r="F970" s="11">
        <v>47299</v>
      </c>
    </row>
    <row r="971" spans="1:6" ht="27.75" customHeight="1">
      <c r="A971" s="15" t="s">
        <v>1925</v>
      </c>
      <c r="B971" s="13" t="s">
        <v>1897</v>
      </c>
      <c r="C971" s="14" t="s">
        <v>1441</v>
      </c>
      <c r="D971" s="9" t="s">
        <v>1881</v>
      </c>
      <c r="E971" s="13" t="s">
        <v>21</v>
      </c>
      <c r="F971" s="11">
        <v>47269</v>
      </c>
    </row>
    <row r="972" spans="1:6" ht="27.75" customHeight="1">
      <c r="A972" s="12" t="s">
        <v>1926</v>
      </c>
      <c r="B972" s="13" t="s">
        <v>1897</v>
      </c>
      <c r="C972" s="14" t="s">
        <v>1441</v>
      </c>
      <c r="D972" s="13" t="s">
        <v>1881</v>
      </c>
      <c r="E972" s="13" t="s">
        <v>1927</v>
      </c>
      <c r="F972" s="11">
        <v>47391</v>
      </c>
    </row>
    <row r="973" spans="1:6" ht="27.75" customHeight="1">
      <c r="A973" s="14" t="s">
        <v>1928</v>
      </c>
      <c r="B973" s="13" t="s">
        <v>1897</v>
      </c>
      <c r="C973" s="14" t="s">
        <v>1441</v>
      </c>
      <c r="D973" s="9" t="s">
        <v>1881</v>
      </c>
      <c r="E973" s="9" t="s">
        <v>115</v>
      </c>
      <c r="F973" s="11">
        <v>47573</v>
      </c>
    </row>
    <row r="974" spans="1:6" ht="27.75" customHeight="1">
      <c r="A974" s="12" t="s">
        <v>1929</v>
      </c>
      <c r="B974" s="13" t="s">
        <v>1930</v>
      </c>
      <c r="C974" s="14" t="s">
        <v>1441</v>
      </c>
      <c r="D974" s="13" t="s">
        <v>1931</v>
      </c>
      <c r="E974" s="13" t="s">
        <v>111</v>
      </c>
      <c r="F974" s="11">
        <v>46477</v>
      </c>
    </row>
    <row r="975" spans="1:6" ht="27.75" customHeight="1">
      <c r="A975" s="14" t="s">
        <v>1932</v>
      </c>
      <c r="B975" s="13" t="s">
        <v>1933</v>
      </c>
      <c r="C975" s="14" t="s">
        <v>1441</v>
      </c>
      <c r="D975" s="9" t="s">
        <v>1934</v>
      </c>
      <c r="E975" s="9" t="s">
        <v>63</v>
      </c>
      <c r="F975" s="11">
        <v>47907</v>
      </c>
    </row>
    <row r="976" spans="1:6" ht="27.75" customHeight="1">
      <c r="A976" s="14" t="s">
        <v>1935</v>
      </c>
      <c r="B976" s="13" t="s">
        <v>1936</v>
      </c>
      <c r="C976" s="14" t="s">
        <v>1441</v>
      </c>
      <c r="D976" s="9" t="s">
        <v>1937</v>
      </c>
      <c r="E976" s="9" t="s">
        <v>228</v>
      </c>
      <c r="F976" s="11">
        <v>46446</v>
      </c>
    </row>
    <row r="977" spans="1:6" ht="27.75" customHeight="1">
      <c r="A977" s="12" t="s">
        <v>1938</v>
      </c>
      <c r="B977" s="13" t="s">
        <v>1939</v>
      </c>
      <c r="C977" s="14" t="s">
        <v>1441</v>
      </c>
      <c r="D977" s="13" t="s">
        <v>1940</v>
      </c>
      <c r="E977" s="13" t="s">
        <v>44</v>
      </c>
      <c r="F977" s="11">
        <v>47422</v>
      </c>
    </row>
    <row r="978" spans="1:6" ht="27.75" customHeight="1">
      <c r="A978" s="17" t="s">
        <v>1941</v>
      </c>
      <c r="B978" s="13" t="s">
        <v>1942</v>
      </c>
      <c r="C978" s="14" t="s">
        <v>1441</v>
      </c>
      <c r="D978" s="9" t="s">
        <v>1943</v>
      </c>
      <c r="E978" s="9" t="s">
        <v>1796</v>
      </c>
      <c r="F978" s="11">
        <v>47238</v>
      </c>
    </row>
    <row r="979" spans="1:6" ht="27.75" customHeight="1">
      <c r="A979" s="12" t="s">
        <v>1944</v>
      </c>
      <c r="B979" s="13" t="s">
        <v>1945</v>
      </c>
      <c r="C979" s="14" t="s">
        <v>1441</v>
      </c>
      <c r="D979" s="13" t="s">
        <v>1946</v>
      </c>
      <c r="E979" s="13" t="s">
        <v>21</v>
      </c>
      <c r="F979" s="11">
        <v>47907</v>
      </c>
    </row>
    <row r="980" spans="1:6" ht="27.75" customHeight="1">
      <c r="A980" s="20" t="s">
        <v>1947</v>
      </c>
      <c r="B980" s="13" t="s">
        <v>1948</v>
      </c>
      <c r="C980" s="14" t="s">
        <v>1441</v>
      </c>
      <c r="D980" s="9" t="s">
        <v>1949</v>
      </c>
      <c r="E980" s="13" t="s">
        <v>1950</v>
      </c>
      <c r="F980" s="11">
        <v>47422</v>
      </c>
    </row>
    <row r="981" spans="1:6" ht="27.75" customHeight="1">
      <c r="A981" s="12" t="s">
        <v>1951</v>
      </c>
      <c r="B981" s="13" t="s">
        <v>1952</v>
      </c>
      <c r="C981" s="14" t="s">
        <v>1441</v>
      </c>
      <c r="D981" s="13" t="s">
        <v>1953</v>
      </c>
      <c r="E981" s="13" t="s">
        <v>11</v>
      </c>
      <c r="F981" s="11">
        <v>47422</v>
      </c>
    </row>
    <row r="982" spans="1:6" ht="27.75" customHeight="1">
      <c r="A982" s="12" t="s">
        <v>1954</v>
      </c>
      <c r="B982" s="18" t="s">
        <v>1955</v>
      </c>
      <c r="C982" s="14" t="s">
        <v>1441</v>
      </c>
      <c r="D982" s="18" t="s">
        <v>1956</v>
      </c>
      <c r="E982" s="18" t="s">
        <v>809</v>
      </c>
      <c r="F982" s="19">
        <v>47422</v>
      </c>
    </row>
    <row r="983" spans="1:6" ht="27.75" customHeight="1">
      <c r="A983" s="8" t="s">
        <v>1957</v>
      </c>
      <c r="B983" s="9" t="s">
        <v>1958</v>
      </c>
      <c r="C983" s="14" t="s">
        <v>1441</v>
      </c>
      <c r="D983" s="9" t="s">
        <v>1959</v>
      </c>
      <c r="E983" s="9" t="s">
        <v>111</v>
      </c>
      <c r="F983" s="11">
        <v>46630</v>
      </c>
    </row>
    <row r="984" spans="1:6" ht="27.75" customHeight="1">
      <c r="A984" s="14" t="s">
        <v>1960</v>
      </c>
      <c r="B984" s="13" t="s">
        <v>1961</v>
      </c>
      <c r="C984" s="14" t="s">
        <v>1441</v>
      </c>
      <c r="D984" s="9" t="s">
        <v>1962</v>
      </c>
      <c r="E984" s="9" t="s">
        <v>21</v>
      </c>
      <c r="F984" s="11">
        <v>46538</v>
      </c>
    </row>
    <row r="985" spans="1:6" ht="27.75" customHeight="1">
      <c r="A985" s="15" t="s">
        <v>1963</v>
      </c>
      <c r="B985" s="13" t="s">
        <v>1964</v>
      </c>
      <c r="C985" s="14" t="s">
        <v>1441</v>
      </c>
      <c r="D985" s="9" t="s">
        <v>1965</v>
      </c>
      <c r="E985" s="13" t="s">
        <v>132</v>
      </c>
      <c r="F985" s="11">
        <v>47330</v>
      </c>
    </row>
    <row r="986" spans="1:6" ht="27.75" customHeight="1">
      <c r="A986" s="12" t="s">
        <v>1966</v>
      </c>
      <c r="B986" s="18" t="s">
        <v>1964</v>
      </c>
      <c r="C986" s="14" t="s">
        <v>1441</v>
      </c>
      <c r="D986" s="18" t="s">
        <v>1965</v>
      </c>
      <c r="E986" s="18" t="s">
        <v>44</v>
      </c>
      <c r="F986" s="19">
        <v>47422</v>
      </c>
    </row>
    <row r="987" spans="1:6" ht="27.75" customHeight="1">
      <c r="A987" s="23" t="s">
        <v>1967</v>
      </c>
      <c r="B987" s="13" t="s">
        <v>1964</v>
      </c>
      <c r="C987" s="14" t="s">
        <v>1441</v>
      </c>
      <c r="D987" s="9" t="s">
        <v>1965</v>
      </c>
      <c r="E987" s="24" t="s">
        <v>40</v>
      </c>
      <c r="F987" s="11">
        <v>47726</v>
      </c>
    </row>
    <row r="988" spans="1:6" ht="27.75" customHeight="1">
      <c r="A988" s="12" t="s">
        <v>1968</v>
      </c>
      <c r="B988" s="13" t="s">
        <v>1964</v>
      </c>
      <c r="C988" s="14" t="s">
        <v>1441</v>
      </c>
      <c r="D988" s="13" t="s">
        <v>1965</v>
      </c>
      <c r="E988" s="13" t="s">
        <v>196</v>
      </c>
      <c r="F988" s="11">
        <v>47756</v>
      </c>
    </row>
    <row r="989" spans="1:6" ht="27.75" customHeight="1">
      <c r="A989" s="14" t="s">
        <v>1969</v>
      </c>
      <c r="B989" s="13" t="s">
        <v>1964</v>
      </c>
      <c r="C989" s="14" t="s">
        <v>1441</v>
      </c>
      <c r="D989" s="9" t="s">
        <v>1965</v>
      </c>
      <c r="E989" s="9" t="s">
        <v>295</v>
      </c>
      <c r="F989" s="11">
        <v>46507</v>
      </c>
    </row>
    <row r="990" spans="1:6" ht="27.75" customHeight="1">
      <c r="A990" s="14" t="s">
        <v>1970</v>
      </c>
      <c r="B990" s="13" t="s">
        <v>1964</v>
      </c>
      <c r="C990" s="14" t="s">
        <v>1441</v>
      </c>
      <c r="D990" s="9" t="s">
        <v>1965</v>
      </c>
      <c r="E990" s="9" t="s">
        <v>253</v>
      </c>
      <c r="F990" s="11">
        <v>47422</v>
      </c>
    </row>
    <row r="991" spans="1:6" ht="27.75" customHeight="1">
      <c r="A991" s="14" t="s">
        <v>1971</v>
      </c>
      <c r="B991" s="13" t="s">
        <v>1964</v>
      </c>
      <c r="C991" s="14" t="s">
        <v>1441</v>
      </c>
      <c r="D991" s="9" t="s">
        <v>1965</v>
      </c>
      <c r="E991" s="9" t="s">
        <v>1972</v>
      </c>
      <c r="F991" s="11">
        <v>46873</v>
      </c>
    </row>
    <row r="992" spans="1:6" ht="27.75" customHeight="1">
      <c r="A992" s="8" t="s">
        <v>1973</v>
      </c>
      <c r="B992" s="9" t="s">
        <v>1964</v>
      </c>
      <c r="C992" s="14" t="s">
        <v>1441</v>
      </c>
      <c r="D992" s="13" t="s">
        <v>1965</v>
      </c>
      <c r="E992" s="13" t="s">
        <v>44</v>
      </c>
      <c r="F992" s="11">
        <v>47422</v>
      </c>
    </row>
    <row r="993" spans="1:6" ht="27.75" customHeight="1">
      <c r="A993" s="14" t="s">
        <v>1974</v>
      </c>
      <c r="B993" s="13" t="s">
        <v>1964</v>
      </c>
      <c r="C993" s="14" t="s">
        <v>1441</v>
      </c>
      <c r="D993" s="9" t="s">
        <v>1965</v>
      </c>
      <c r="E993" s="9" t="s">
        <v>11</v>
      </c>
      <c r="F993" s="11">
        <v>47422</v>
      </c>
    </row>
    <row r="994" spans="1:6" ht="27.75" customHeight="1">
      <c r="A994" s="14" t="s">
        <v>1975</v>
      </c>
      <c r="B994" s="13" t="s">
        <v>1964</v>
      </c>
      <c r="C994" s="14" t="s">
        <v>1441</v>
      </c>
      <c r="D994" s="9" t="s">
        <v>1965</v>
      </c>
      <c r="E994" s="9" t="s">
        <v>196</v>
      </c>
      <c r="F994" s="11">
        <v>46538</v>
      </c>
    </row>
    <row r="995" spans="1:6" ht="27.75" customHeight="1">
      <c r="A995" s="12" t="s">
        <v>1976</v>
      </c>
      <c r="B995" s="13" t="s">
        <v>1964</v>
      </c>
      <c r="C995" s="14" t="s">
        <v>1441</v>
      </c>
      <c r="D995" s="13" t="s">
        <v>1965</v>
      </c>
      <c r="E995" s="13" t="s">
        <v>25</v>
      </c>
      <c r="F995" s="11">
        <v>47422</v>
      </c>
    </row>
    <row r="996" spans="1:6" ht="27.75" customHeight="1">
      <c r="A996" s="14" t="s">
        <v>1977</v>
      </c>
      <c r="B996" s="9" t="s">
        <v>1964</v>
      </c>
      <c r="C996" s="14" t="s">
        <v>1441</v>
      </c>
      <c r="D996" s="9" t="s">
        <v>1965</v>
      </c>
      <c r="E996" s="9" t="s">
        <v>17</v>
      </c>
      <c r="F996" s="11">
        <v>47118</v>
      </c>
    </row>
    <row r="997" spans="1:6" ht="27.75" customHeight="1">
      <c r="A997" s="14" t="s">
        <v>1978</v>
      </c>
      <c r="B997" s="13" t="s">
        <v>1964</v>
      </c>
      <c r="C997" s="14" t="s">
        <v>1441</v>
      </c>
      <c r="D997" s="9" t="s">
        <v>1965</v>
      </c>
      <c r="E997" s="9" t="s">
        <v>1650</v>
      </c>
      <c r="F997" s="11">
        <v>47422</v>
      </c>
    </row>
    <row r="998" spans="1:6" ht="27.75" customHeight="1">
      <c r="A998" s="12" t="s">
        <v>1979</v>
      </c>
      <c r="B998" s="13" t="s">
        <v>1964</v>
      </c>
      <c r="C998" s="14" t="s">
        <v>1441</v>
      </c>
      <c r="D998" s="13" t="s">
        <v>1965</v>
      </c>
      <c r="E998" s="13" t="s">
        <v>274</v>
      </c>
      <c r="F998" s="11">
        <v>46904</v>
      </c>
    </row>
    <row r="999" spans="1:6" ht="27.75" customHeight="1">
      <c r="A999" s="8" t="s">
        <v>1980</v>
      </c>
      <c r="B999" s="9" t="s">
        <v>1964</v>
      </c>
      <c r="C999" s="14" t="s">
        <v>1441</v>
      </c>
      <c r="D999" s="9" t="s">
        <v>1965</v>
      </c>
      <c r="E999" s="13" t="s">
        <v>228</v>
      </c>
      <c r="F999" s="11">
        <v>47422</v>
      </c>
    </row>
    <row r="1000" spans="1:6" ht="27.75" customHeight="1">
      <c r="A1000" s="12" t="s">
        <v>1981</v>
      </c>
      <c r="B1000" s="13" t="s">
        <v>1964</v>
      </c>
      <c r="C1000" s="14" t="s">
        <v>1441</v>
      </c>
      <c r="D1000" s="13" t="s">
        <v>1965</v>
      </c>
      <c r="E1000" s="13" t="s">
        <v>111</v>
      </c>
      <c r="F1000" s="11">
        <v>47603</v>
      </c>
    </row>
    <row r="1001" spans="1:6" ht="27.75" customHeight="1">
      <c r="A1001" s="12" t="s">
        <v>1982</v>
      </c>
      <c r="B1001" s="13" t="s">
        <v>1964</v>
      </c>
      <c r="C1001" s="14" t="s">
        <v>1441</v>
      </c>
      <c r="D1001" s="13" t="s">
        <v>1965</v>
      </c>
      <c r="E1001" s="13" t="s">
        <v>393</v>
      </c>
      <c r="F1001" s="11">
        <v>47238</v>
      </c>
    </row>
    <row r="1002" spans="1:6" ht="27.75" customHeight="1">
      <c r="A1002" s="14" t="s">
        <v>1983</v>
      </c>
      <c r="B1002" s="9" t="s">
        <v>1964</v>
      </c>
      <c r="C1002" s="14" t="s">
        <v>1441</v>
      </c>
      <c r="D1002" s="13" t="s">
        <v>1965</v>
      </c>
      <c r="E1002" s="13" t="s">
        <v>115</v>
      </c>
      <c r="F1002" s="11">
        <v>46873</v>
      </c>
    </row>
    <row r="1003" spans="1:6" ht="27.75" customHeight="1">
      <c r="A1003" s="8" t="s">
        <v>1984</v>
      </c>
      <c r="B1003" s="9" t="s">
        <v>1964</v>
      </c>
      <c r="C1003" s="14" t="s">
        <v>1441</v>
      </c>
      <c r="D1003" s="18" t="s">
        <v>1965</v>
      </c>
      <c r="E1003" s="18" t="s">
        <v>253</v>
      </c>
      <c r="F1003" s="19">
        <v>47422</v>
      </c>
    </row>
    <row r="1004" spans="1:6" ht="27.75" customHeight="1">
      <c r="A1004" s="14" t="s">
        <v>1985</v>
      </c>
      <c r="B1004" s="9" t="s">
        <v>1964</v>
      </c>
      <c r="C1004" s="14" t="s">
        <v>1441</v>
      </c>
      <c r="D1004" s="13" t="s">
        <v>1965</v>
      </c>
      <c r="E1004" s="13" t="s">
        <v>295</v>
      </c>
      <c r="F1004" s="11">
        <v>47238</v>
      </c>
    </row>
    <row r="1005" spans="1:6" ht="27.75" customHeight="1">
      <c r="A1005" s="15" t="s">
        <v>1986</v>
      </c>
      <c r="B1005" s="13" t="s">
        <v>1964</v>
      </c>
      <c r="C1005" s="14" t="s">
        <v>1441</v>
      </c>
      <c r="D1005" s="9" t="s">
        <v>1965</v>
      </c>
      <c r="E1005" s="13" t="s">
        <v>40</v>
      </c>
      <c r="F1005" s="11">
        <v>46538</v>
      </c>
    </row>
    <row r="1006" spans="1:6" ht="27.75" customHeight="1">
      <c r="A1006" s="17" t="s">
        <v>1987</v>
      </c>
      <c r="B1006" s="9" t="s">
        <v>1964</v>
      </c>
      <c r="C1006" s="14" t="s">
        <v>1441</v>
      </c>
      <c r="D1006" s="9" t="s">
        <v>1965</v>
      </c>
      <c r="E1006" s="9" t="s">
        <v>1988</v>
      </c>
      <c r="F1006" s="11">
        <v>47634</v>
      </c>
    </row>
    <row r="1007" spans="1:6" ht="27.75" customHeight="1">
      <c r="A1007" s="20" t="s">
        <v>1989</v>
      </c>
      <c r="B1007" s="13" t="s">
        <v>1964</v>
      </c>
      <c r="C1007" s="14" t="s">
        <v>1441</v>
      </c>
      <c r="D1007" s="27" t="s">
        <v>1965</v>
      </c>
      <c r="E1007" s="13" t="s">
        <v>393</v>
      </c>
      <c r="F1007" s="11">
        <v>47422</v>
      </c>
    </row>
    <row r="1008" spans="1:6" ht="27.75" customHeight="1">
      <c r="A1008" s="14" t="s">
        <v>1990</v>
      </c>
      <c r="B1008" s="9" t="s">
        <v>1964</v>
      </c>
      <c r="C1008" s="14" t="s">
        <v>1441</v>
      </c>
      <c r="D1008" s="9" t="s">
        <v>1965</v>
      </c>
      <c r="E1008" s="9" t="s">
        <v>44</v>
      </c>
      <c r="F1008" s="11">
        <v>47330</v>
      </c>
    </row>
    <row r="1009" spans="1:6" ht="27.75" customHeight="1">
      <c r="A1009" s="17" t="s">
        <v>1991</v>
      </c>
      <c r="B1009" s="13" t="s">
        <v>1964</v>
      </c>
      <c r="C1009" s="14" t="s">
        <v>1441</v>
      </c>
      <c r="D1009" s="9" t="s">
        <v>1965</v>
      </c>
      <c r="E1009" s="9" t="s">
        <v>234</v>
      </c>
      <c r="F1009" s="11">
        <v>47422</v>
      </c>
    </row>
    <row r="1010" spans="1:6" ht="27.75" customHeight="1">
      <c r="A1010" s="14" t="s">
        <v>1992</v>
      </c>
      <c r="B1010" s="13" t="s">
        <v>1964</v>
      </c>
      <c r="C1010" s="14" t="s">
        <v>1441</v>
      </c>
      <c r="D1010" s="9" t="s">
        <v>1965</v>
      </c>
      <c r="E1010" s="9" t="s">
        <v>196</v>
      </c>
      <c r="F1010" s="11">
        <v>46173</v>
      </c>
    </row>
    <row r="1011" spans="1:6" ht="27.75" customHeight="1">
      <c r="A1011" s="14" t="s">
        <v>1993</v>
      </c>
      <c r="B1011" s="13" t="s">
        <v>1964</v>
      </c>
      <c r="C1011" s="14" t="s">
        <v>1441</v>
      </c>
      <c r="D1011" s="9" t="s">
        <v>1965</v>
      </c>
      <c r="E1011" s="9" t="s">
        <v>393</v>
      </c>
      <c r="F1011" s="11">
        <v>47422</v>
      </c>
    </row>
    <row r="1012" spans="1:6" ht="27.75" customHeight="1">
      <c r="A1012" s="12" t="s">
        <v>1994</v>
      </c>
      <c r="B1012" s="13" t="s">
        <v>1964</v>
      </c>
      <c r="C1012" s="14" t="s">
        <v>1441</v>
      </c>
      <c r="D1012" s="13" t="s">
        <v>1965</v>
      </c>
      <c r="E1012" s="13" t="s">
        <v>111</v>
      </c>
      <c r="F1012" s="11">
        <v>47422</v>
      </c>
    </row>
    <row r="1013" spans="1:6" ht="27.75" customHeight="1">
      <c r="A1013" s="17" t="s">
        <v>1995</v>
      </c>
      <c r="B1013" s="13" t="s">
        <v>1964</v>
      </c>
      <c r="C1013" s="14" t="s">
        <v>1441</v>
      </c>
      <c r="D1013" s="9" t="s">
        <v>1965</v>
      </c>
      <c r="E1013" s="9" t="s">
        <v>424</v>
      </c>
      <c r="F1013" s="11">
        <v>47695</v>
      </c>
    </row>
    <row r="1014" spans="1:6" ht="27.75" customHeight="1">
      <c r="A1014" s="12" t="s">
        <v>1996</v>
      </c>
      <c r="B1014" s="13" t="s">
        <v>1964</v>
      </c>
      <c r="C1014" s="14" t="s">
        <v>1441</v>
      </c>
      <c r="D1014" s="13" t="s">
        <v>1965</v>
      </c>
      <c r="E1014" s="13" t="s">
        <v>393</v>
      </c>
      <c r="F1014" s="11">
        <v>47177</v>
      </c>
    </row>
    <row r="1015" spans="1:6" ht="27.75" customHeight="1">
      <c r="A1015" s="12" t="s">
        <v>1997</v>
      </c>
      <c r="B1015" s="13" t="s">
        <v>1964</v>
      </c>
      <c r="C1015" s="14" t="s">
        <v>1441</v>
      </c>
      <c r="D1015" s="13" t="s">
        <v>1965</v>
      </c>
      <c r="E1015" s="13" t="s">
        <v>424</v>
      </c>
      <c r="F1015" s="11">
        <v>47634</v>
      </c>
    </row>
    <row r="1016" spans="1:6" ht="27.75" customHeight="1">
      <c r="A1016" s="12" t="s">
        <v>1998</v>
      </c>
      <c r="B1016" s="13" t="s">
        <v>1964</v>
      </c>
      <c r="C1016" s="14" t="s">
        <v>1441</v>
      </c>
      <c r="D1016" s="13" t="s">
        <v>1965</v>
      </c>
      <c r="E1016" s="13" t="s">
        <v>17</v>
      </c>
      <c r="F1016" s="11">
        <v>47514</v>
      </c>
    </row>
    <row r="1017" spans="1:6" ht="27.75" customHeight="1">
      <c r="A1017" s="8" t="s">
        <v>1999</v>
      </c>
      <c r="B1017" s="9" t="s">
        <v>1964</v>
      </c>
      <c r="C1017" s="14" t="s">
        <v>1441</v>
      </c>
      <c r="D1017" s="9" t="s">
        <v>1965</v>
      </c>
      <c r="E1017" s="13" t="s">
        <v>196</v>
      </c>
      <c r="F1017" s="11">
        <v>47422</v>
      </c>
    </row>
    <row r="1018" spans="1:6" ht="27.75" customHeight="1">
      <c r="A1018" s="12" t="s">
        <v>2000</v>
      </c>
      <c r="B1018" s="18" t="s">
        <v>1964</v>
      </c>
      <c r="C1018" s="14" t="s">
        <v>1441</v>
      </c>
      <c r="D1018" s="18" t="s">
        <v>1965</v>
      </c>
      <c r="E1018" s="18" t="s">
        <v>44</v>
      </c>
      <c r="F1018" s="19">
        <v>47330</v>
      </c>
    </row>
    <row r="1019" spans="1:6" ht="27.75" customHeight="1">
      <c r="A1019" s="20" t="s">
        <v>2001</v>
      </c>
      <c r="B1019" s="13" t="s">
        <v>1964</v>
      </c>
      <c r="C1019" s="14" t="s">
        <v>1441</v>
      </c>
      <c r="D1019" s="13" t="s">
        <v>1965</v>
      </c>
      <c r="E1019" s="13" t="s">
        <v>25</v>
      </c>
      <c r="F1019" s="11">
        <v>47118</v>
      </c>
    </row>
    <row r="1020" spans="1:6" ht="27.75" customHeight="1">
      <c r="A1020" s="14" t="s">
        <v>2002</v>
      </c>
      <c r="B1020" s="9" t="s">
        <v>1964</v>
      </c>
      <c r="C1020" s="14" t="s">
        <v>1441</v>
      </c>
      <c r="D1020" s="9" t="s">
        <v>1965</v>
      </c>
      <c r="E1020" s="9" t="s">
        <v>424</v>
      </c>
      <c r="F1020" s="11">
        <v>47422</v>
      </c>
    </row>
    <row r="1021" spans="1:6" ht="27.75" customHeight="1">
      <c r="A1021" s="15" t="s">
        <v>2003</v>
      </c>
      <c r="B1021" s="13" t="s">
        <v>1964</v>
      </c>
      <c r="C1021" s="14" t="s">
        <v>1441</v>
      </c>
      <c r="D1021" s="9" t="s">
        <v>1965</v>
      </c>
      <c r="E1021" s="13" t="s">
        <v>115</v>
      </c>
      <c r="F1021" s="11">
        <v>47726</v>
      </c>
    </row>
    <row r="1022" spans="1:6" ht="27.75" customHeight="1">
      <c r="A1022" s="8" t="s">
        <v>2004</v>
      </c>
      <c r="B1022" s="9" t="s">
        <v>1964</v>
      </c>
      <c r="C1022" s="14" t="s">
        <v>1441</v>
      </c>
      <c r="D1022" s="18" t="s">
        <v>1965</v>
      </c>
      <c r="E1022" s="18" t="s">
        <v>393</v>
      </c>
      <c r="F1022" s="19">
        <v>47269</v>
      </c>
    </row>
    <row r="1023" spans="1:6" ht="27.75" customHeight="1">
      <c r="A1023" s="14" t="s">
        <v>2005</v>
      </c>
      <c r="B1023" s="13" t="s">
        <v>1964</v>
      </c>
      <c r="C1023" s="14" t="s">
        <v>1441</v>
      </c>
      <c r="D1023" s="9" t="s">
        <v>1965</v>
      </c>
      <c r="E1023" s="9" t="s">
        <v>44</v>
      </c>
      <c r="F1023" s="11">
        <v>46538</v>
      </c>
    </row>
    <row r="1024" spans="1:6" ht="27.75" customHeight="1">
      <c r="A1024" s="14" t="s">
        <v>2006</v>
      </c>
      <c r="B1024" s="13" t="s">
        <v>1964</v>
      </c>
      <c r="C1024" s="14" t="s">
        <v>1441</v>
      </c>
      <c r="D1024" s="9" t="s">
        <v>1965</v>
      </c>
      <c r="E1024" s="9" t="s">
        <v>2007</v>
      </c>
      <c r="F1024" s="11">
        <v>47422</v>
      </c>
    </row>
    <row r="1025" spans="1:6" ht="27.75" customHeight="1">
      <c r="A1025" s="12" t="s">
        <v>2008</v>
      </c>
      <c r="B1025" s="13" t="s">
        <v>1964</v>
      </c>
      <c r="C1025" s="14" t="s">
        <v>1441</v>
      </c>
      <c r="D1025" s="13" t="s">
        <v>1965</v>
      </c>
      <c r="E1025" s="13" t="s">
        <v>1167</v>
      </c>
      <c r="F1025" s="11">
        <v>47177</v>
      </c>
    </row>
    <row r="1026" spans="1:6" ht="27.75" customHeight="1">
      <c r="A1026" s="12" t="s">
        <v>2009</v>
      </c>
      <c r="B1026" s="13" t="s">
        <v>1964</v>
      </c>
      <c r="C1026" s="14" t="s">
        <v>1441</v>
      </c>
      <c r="D1026" s="13" t="s">
        <v>1965</v>
      </c>
      <c r="E1026" s="13" t="s">
        <v>212</v>
      </c>
      <c r="F1026" s="11">
        <v>47787</v>
      </c>
    </row>
    <row r="1027" spans="1:6" ht="27.75" customHeight="1">
      <c r="A1027" s="12" t="s">
        <v>2010</v>
      </c>
      <c r="B1027" s="13" t="s">
        <v>1964</v>
      </c>
      <c r="C1027" s="14" t="s">
        <v>1441</v>
      </c>
      <c r="D1027" s="13" t="s">
        <v>1965</v>
      </c>
      <c r="E1027" s="13" t="s">
        <v>253</v>
      </c>
      <c r="F1027" s="11">
        <v>47634</v>
      </c>
    </row>
    <row r="1028" spans="1:6" ht="27.75" customHeight="1">
      <c r="A1028" s="12" t="s">
        <v>2011</v>
      </c>
      <c r="B1028" s="13" t="s">
        <v>1964</v>
      </c>
      <c r="C1028" s="14" t="s">
        <v>1441</v>
      </c>
      <c r="D1028" s="13" t="s">
        <v>1965</v>
      </c>
      <c r="E1028" s="13" t="s">
        <v>40</v>
      </c>
      <c r="F1028" s="11">
        <v>47422</v>
      </c>
    </row>
    <row r="1029" spans="1:6" ht="27.75" customHeight="1">
      <c r="A1029" s="8" t="s">
        <v>2012</v>
      </c>
      <c r="B1029" s="13" t="s">
        <v>1964</v>
      </c>
      <c r="C1029" s="14" t="s">
        <v>1441</v>
      </c>
      <c r="D1029" s="13" t="s">
        <v>1965</v>
      </c>
      <c r="E1029" s="13" t="s">
        <v>212</v>
      </c>
      <c r="F1029" s="11">
        <v>47422</v>
      </c>
    </row>
    <row r="1030" spans="1:6" ht="27.75" customHeight="1">
      <c r="A1030" s="23" t="s">
        <v>2013</v>
      </c>
      <c r="B1030" s="24" t="s">
        <v>2014</v>
      </c>
      <c r="C1030" s="14" t="s">
        <v>1441</v>
      </c>
      <c r="D1030" s="9" t="s">
        <v>2015</v>
      </c>
      <c r="E1030" s="24" t="s">
        <v>44</v>
      </c>
      <c r="F1030" s="11">
        <v>47452</v>
      </c>
    </row>
    <row r="1031" spans="1:6" ht="27.75" customHeight="1">
      <c r="A1031" s="23" t="s">
        <v>2016</v>
      </c>
      <c r="B1031" s="24" t="s">
        <v>2014</v>
      </c>
      <c r="C1031" s="14" t="s">
        <v>1441</v>
      </c>
      <c r="D1031" s="9" t="s">
        <v>2015</v>
      </c>
      <c r="E1031" s="24" t="s">
        <v>2017</v>
      </c>
      <c r="F1031" s="11">
        <v>47422</v>
      </c>
    </row>
    <row r="1032" spans="1:6" ht="27.75" customHeight="1">
      <c r="A1032" s="12" t="s">
        <v>2018</v>
      </c>
      <c r="B1032" s="13" t="s">
        <v>2019</v>
      </c>
      <c r="C1032" s="14" t="s">
        <v>1441</v>
      </c>
      <c r="D1032" s="13" t="s">
        <v>2020</v>
      </c>
      <c r="E1032" s="13" t="s">
        <v>21</v>
      </c>
      <c r="F1032" s="11">
        <v>47422</v>
      </c>
    </row>
    <row r="1033" spans="1:6" ht="27.75" customHeight="1">
      <c r="A1033" s="14" t="s">
        <v>2021</v>
      </c>
      <c r="B1033" s="9" t="s">
        <v>2022</v>
      </c>
      <c r="C1033" s="14" t="s">
        <v>1441</v>
      </c>
      <c r="D1033" s="9" t="s">
        <v>2023</v>
      </c>
      <c r="E1033" s="9" t="s">
        <v>17</v>
      </c>
      <c r="F1033" s="11">
        <v>47422</v>
      </c>
    </row>
    <row r="1034" spans="1:6" ht="27.75" customHeight="1">
      <c r="A1034" s="12" t="s">
        <v>2024</v>
      </c>
      <c r="B1034" s="13" t="s">
        <v>2025</v>
      </c>
      <c r="C1034" s="14" t="s">
        <v>1441</v>
      </c>
      <c r="D1034" s="13" t="s">
        <v>2026</v>
      </c>
      <c r="E1034" s="13" t="s">
        <v>17</v>
      </c>
      <c r="F1034" s="11">
        <v>47726</v>
      </c>
    </row>
    <row r="1035" spans="1:6" ht="27.75" customHeight="1">
      <c r="A1035" s="12" t="s">
        <v>2027</v>
      </c>
      <c r="B1035" s="13" t="s">
        <v>2028</v>
      </c>
      <c r="C1035" s="14" t="s">
        <v>1441</v>
      </c>
      <c r="D1035" s="13" t="s">
        <v>2029</v>
      </c>
      <c r="E1035" s="13" t="s">
        <v>44</v>
      </c>
      <c r="F1035" s="11">
        <v>47422</v>
      </c>
    </row>
    <row r="1036" spans="1:6" ht="27.75" customHeight="1">
      <c r="A1036" s="12" t="s">
        <v>2030</v>
      </c>
      <c r="B1036" s="13" t="s">
        <v>2031</v>
      </c>
      <c r="C1036" s="14" t="s">
        <v>1441</v>
      </c>
      <c r="D1036" s="9" t="s">
        <v>2032</v>
      </c>
      <c r="E1036" s="9" t="s">
        <v>111</v>
      </c>
      <c r="F1036" s="11">
        <v>46812</v>
      </c>
    </row>
    <row r="1037" spans="1:6" ht="27.75" customHeight="1">
      <c r="A1037" s="15" t="s">
        <v>2033</v>
      </c>
      <c r="B1037" s="13" t="s">
        <v>2034</v>
      </c>
      <c r="C1037" s="14" t="s">
        <v>1441</v>
      </c>
      <c r="D1037" s="9" t="s">
        <v>2035</v>
      </c>
      <c r="E1037" s="13" t="s">
        <v>21</v>
      </c>
      <c r="F1037" s="11">
        <v>47422</v>
      </c>
    </row>
    <row r="1038" spans="1:6" ht="27.75" customHeight="1">
      <c r="A1038" s="14" t="s">
        <v>2036</v>
      </c>
      <c r="B1038" s="9" t="s">
        <v>2037</v>
      </c>
      <c r="C1038" s="14" t="s">
        <v>1441</v>
      </c>
      <c r="D1038" s="9" t="s">
        <v>2038</v>
      </c>
      <c r="E1038" s="9" t="s">
        <v>63</v>
      </c>
      <c r="F1038" s="11">
        <v>47422</v>
      </c>
    </row>
    <row r="1039" spans="1:6" ht="27.75" customHeight="1">
      <c r="A1039" s="14" t="s">
        <v>2039</v>
      </c>
      <c r="B1039" s="9" t="s">
        <v>2040</v>
      </c>
      <c r="C1039" s="14" t="s">
        <v>1441</v>
      </c>
      <c r="D1039" s="9" t="s">
        <v>2041</v>
      </c>
      <c r="E1039" s="9" t="s">
        <v>284</v>
      </c>
      <c r="F1039" s="11">
        <v>47422</v>
      </c>
    </row>
    <row r="1040" spans="1:6" ht="27.75" customHeight="1">
      <c r="A1040" s="14" t="s">
        <v>2042</v>
      </c>
      <c r="B1040" s="9" t="s">
        <v>2043</v>
      </c>
      <c r="C1040" s="14" t="s">
        <v>1441</v>
      </c>
      <c r="D1040" s="9" t="s">
        <v>2044</v>
      </c>
      <c r="E1040" s="9" t="s">
        <v>44</v>
      </c>
      <c r="F1040" s="11">
        <v>47483</v>
      </c>
    </row>
    <row r="1041" spans="1:6" ht="27.75" customHeight="1">
      <c r="A1041" s="14" t="s">
        <v>2045</v>
      </c>
      <c r="B1041" s="9" t="s">
        <v>2046</v>
      </c>
      <c r="C1041" s="14" t="s">
        <v>1441</v>
      </c>
      <c r="D1041" s="9" t="s">
        <v>2047</v>
      </c>
      <c r="E1041" s="9" t="s">
        <v>2048</v>
      </c>
      <c r="F1041" s="11">
        <v>46843</v>
      </c>
    </row>
    <row r="1042" spans="1:6" ht="27.75" customHeight="1">
      <c r="A1042" s="14" t="s">
        <v>2049</v>
      </c>
      <c r="B1042" s="9" t="s">
        <v>2046</v>
      </c>
      <c r="C1042" s="14" t="s">
        <v>1441</v>
      </c>
      <c r="D1042" s="9" t="s">
        <v>2050</v>
      </c>
      <c r="E1042" s="9" t="s">
        <v>1818</v>
      </c>
      <c r="F1042" s="11">
        <v>46538</v>
      </c>
    </row>
    <row r="1043" spans="1:6" ht="27.75" customHeight="1">
      <c r="A1043" s="12" t="s">
        <v>2051</v>
      </c>
      <c r="B1043" s="13" t="s">
        <v>2052</v>
      </c>
      <c r="C1043" s="14" t="s">
        <v>1441</v>
      </c>
      <c r="D1043" s="13" t="s">
        <v>2053</v>
      </c>
      <c r="E1043" s="13" t="s">
        <v>17</v>
      </c>
      <c r="F1043" s="11">
        <v>46173</v>
      </c>
    </row>
    <row r="1044" spans="1:6" ht="27.75" customHeight="1">
      <c r="A1044" s="14" t="s">
        <v>2054</v>
      </c>
      <c r="B1044" s="9" t="s">
        <v>2052</v>
      </c>
      <c r="C1044" s="14" t="s">
        <v>1441</v>
      </c>
      <c r="D1044" s="9" t="s">
        <v>2055</v>
      </c>
      <c r="E1044" s="9" t="s">
        <v>17</v>
      </c>
      <c r="F1044" s="11">
        <v>46081</v>
      </c>
    </row>
    <row r="1045" spans="1:6" ht="27.75" customHeight="1">
      <c r="A1045" s="17" t="s">
        <v>2056</v>
      </c>
      <c r="B1045" s="9" t="s">
        <v>2057</v>
      </c>
      <c r="C1045" s="14" t="s">
        <v>1441</v>
      </c>
      <c r="D1045" s="9" t="s">
        <v>2058</v>
      </c>
      <c r="E1045" s="9" t="s">
        <v>25</v>
      </c>
      <c r="F1045" s="11">
        <v>47299</v>
      </c>
    </row>
    <row r="1046" spans="1:6" ht="27.75" customHeight="1">
      <c r="A1046" s="12" t="s">
        <v>2059</v>
      </c>
      <c r="B1046" s="13" t="s">
        <v>2060</v>
      </c>
      <c r="C1046" s="14" t="s">
        <v>1441</v>
      </c>
      <c r="D1046" s="13" t="s">
        <v>2058</v>
      </c>
      <c r="E1046" s="13" t="s">
        <v>809</v>
      </c>
      <c r="F1046" s="11">
        <v>46873</v>
      </c>
    </row>
    <row r="1047" spans="1:6" ht="27.75" customHeight="1">
      <c r="A1047" s="14" t="s">
        <v>2061</v>
      </c>
      <c r="B1047" s="9" t="s">
        <v>2062</v>
      </c>
      <c r="C1047" s="14" t="s">
        <v>1441</v>
      </c>
      <c r="D1047" s="9" t="s">
        <v>2063</v>
      </c>
      <c r="E1047" s="9" t="s">
        <v>111</v>
      </c>
      <c r="F1047" s="11">
        <v>47422</v>
      </c>
    </row>
    <row r="1048" spans="1:6" ht="27.75" customHeight="1">
      <c r="A1048" s="12" t="s">
        <v>2064</v>
      </c>
      <c r="B1048" s="13" t="s">
        <v>2065</v>
      </c>
      <c r="C1048" s="14" t="s">
        <v>1441</v>
      </c>
      <c r="D1048" s="13" t="s">
        <v>2066</v>
      </c>
      <c r="E1048" s="13" t="s">
        <v>1644</v>
      </c>
      <c r="F1048" s="11">
        <v>47542</v>
      </c>
    </row>
    <row r="1049" spans="1:6" ht="27.75" customHeight="1">
      <c r="A1049" s="8" t="s">
        <v>2067</v>
      </c>
      <c r="B1049" s="9" t="s">
        <v>2068</v>
      </c>
      <c r="C1049" s="14" t="s">
        <v>1441</v>
      </c>
      <c r="D1049" s="9" t="s">
        <v>4735</v>
      </c>
      <c r="E1049" s="9" t="s">
        <v>21</v>
      </c>
      <c r="F1049" s="11">
        <v>47208</v>
      </c>
    </row>
    <row r="1050" spans="1:6" ht="27.75" customHeight="1">
      <c r="A1050" s="17" t="s">
        <v>2069</v>
      </c>
      <c r="B1050" s="9" t="s">
        <v>2068</v>
      </c>
      <c r="C1050" s="14" t="s">
        <v>1441</v>
      </c>
      <c r="D1050" s="9" t="s">
        <v>4735</v>
      </c>
      <c r="E1050" s="9" t="s">
        <v>659</v>
      </c>
      <c r="F1050" s="11">
        <v>47452</v>
      </c>
    </row>
    <row r="1051" spans="1:6" ht="27.75" customHeight="1">
      <c r="A1051" s="8" t="s">
        <v>2070</v>
      </c>
      <c r="B1051" s="18" t="s">
        <v>2071</v>
      </c>
      <c r="C1051" s="14" t="s">
        <v>1441</v>
      </c>
      <c r="D1051" s="18" t="s">
        <v>2072</v>
      </c>
      <c r="E1051" s="18" t="s">
        <v>17</v>
      </c>
      <c r="F1051" s="19">
        <v>47422</v>
      </c>
    </row>
    <row r="1052" spans="1:6" ht="27.75" customHeight="1">
      <c r="A1052" s="8" t="s">
        <v>2073</v>
      </c>
      <c r="B1052" s="9" t="s">
        <v>2074</v>
      </c>
      <c r="C1052" s="14" t="s">
        <v>1441</v>
      </c>
      <c r="D1052" s="9" t="s">
        <v>2075</v>
      </c>
      <c r="E1052" s="9" t="s">
        <v>823</v>
      </c>
      <c r="F1052" s="11">
        <v>46904</v>
      </c>
    </row>
    <row r="1053" spans="1:6" ht="27.75" customHeight="1">
      <c r="A1053" s="15" t="s">
        <v>2076</v>
      </c>
      <c r="B1053" s="9" t="s">
        <v>2074</v>
      </c>
      <c r="C1053" s="14" t="s">
        <v>1441</v>
      </c>
      <c r="D1053" s="9" t="s">
        <v>2075</v>
      </c>
      <c r="E1053" s="27" t="s">
        <v>228</v>
      </c>
      <c r="F1053" s="11">
        <v>46843</v>
      </c>
    </row>
    <row r="1054" spans="1:6" ht="27.75" customHeight="1">
      <c r="A1054" s="17" t="s">
        <v>2077</v>
      </c>
      <c r="B1054" s="9" t="s">
        <v>2074</v>
      </c>
      <c r="C1054" s="14" t="s">
        <v>1441</v>
      </c>
      <c r="D1054" s="9" t="s">
        <v>2075</v>
      </c>
      <c r="E1054" s="9" t="s">
        <v>40</v>
      </c>
      <c r="F1054" s="11">
        <v>46843</v>
      </c>
    </row>
    <row r="1055" spans="1:6" ht="27.75" customHeight="1">
      <c r="A1055" s="8" t="s">
        <v>2078</v>
      </c>
      <c r="B1055" s="9" t="s">
        <v>2074</v>
      </c>
      <c r="C1055" s="14" t="s">
        <v>1441</v>
      </c>
      <c r="D1055" s="9" t="s">
        <v>2075</v>
      </c>
      <c r="E1055" s="9" t="s">
        <v>86</v>
      </c>
      <c r="F1055" s="11">
        <v>47422</v>
      </c>
    </row>
    <row r="1056" spans="1:6" ht="27.75" customHeight="1">
      <c r="A1056" s="12" t="s">
        <v>2079</v>
      </c>
      <c r="B1056" s="13" t="s">
        <v>2074</v>
      </c>
      <c r="C1056" s="14" t="s">
        <v>1441</v>
      </c>
      <c r="D1056" s="13" t="s">
        <v>2075</v>
      </c>
      <c r="E1056" s="13" t="s">
        <v>115</v>
      </c>
      <c r="F1056" s="11">
        <v>47603</v>
      </c>
    </row>
    <row r="1057" spans="1:6" ht="27.75" customHeight="1">
      <c r="A1057" s="14" t="s">
        <v>2080</v>
      </c>
      <c r="B1057" s="9" t="s">
        <v>2074</v>
      </c>
      <c r="C1057" s="14" t="s">
        <v>1441</v>
      </c>
      <c r="D1057" s="9" t="s">
        <v>2075</v>
      </c>
      <c r="E1057" s="9" t="s">
        <v>2081</v>
      </c>
      <c r="F1057" s="11">
        <v>47603</v>
      </c>
    </row>
    <row r="1058" spans="1:6" ht="27.75" customHeight="1">
      <c r="A1058" s="12" t="s">
        <v>2082</v>
      </c>
      <c r="B1058" s="18" t="s">
        <v>2083</v>
      </c>
      <c r="C1058" s="14" t="s">
        <v>1441</v>
      </c>
      <c r="D1058" s="18" t="s">
        <v>2084</v>
      </c>
      <c r="E1058" s="18" t="s">
        <v>21</v>
      </c>
      <c r="F1058" s="19">
        <v>47422</v>
      </c>
    </row>
    <row r="1059" spans="1:6" ht="27.75" customHeight="1">
      <c r="A1059" s="17" t="s">
        <v>2085</v>
      </c>
      <c r="B1059" s="9" t="s">
        <v>2086</v>
      </c>
      <c r="C1059" s="14" t="s">
        <v>1441</v>
      </c>
      <c r="D1059" s="9" t="s">
        <v>2087</v>
      </c>
      <c r="E1059" s="9" t="s">
        <v>196</v>
      </c>
      <c r="F1059" s="11">
        <v>47422</v>
      </c>
    </row>
    <row r="1060" spans="1:6" ht="27.75" customHeight="1">
      <c r="A1060" s="14" t="s">
        <v>2088</v>
      </c>
      <c r="B1060" s="9" t="s">
        <v>2089</v>
      </c>
      <c r="C1060" s="14" t="s">
        <v>1441</v>
      </c>
      <c r="D1060" s="9" t="s">
        <v>2090</v>
      </c>
      <c r="E1060" s="9" t="s">
        <v>111</v>
      </c>
      <c r="F1060" s="11">
        <v>47118</v>
      </c>
    </row>
    <row r="1061" spans="1:6" ht="27.75" customHeight="1">
      <c r="A1061" s="17" t="s">
        <v>2091</v>
      </c>
      <c r="B1061" s="9" t="s">
        <v>2092</v>
      </c>
      <c r="C1061" s="14" t="s">
        <v>1441</v>
      </c>
      <c r="D1061" s="9" t="s">
        <v>2093</v>
      </c>
      <c r="E1061" s="9" t="s">
        <v>991</v>
      </c>
      <c r="F1061" s="11">
        <v>46904</v>
      </c>
    </row>
    <row r="1062" spans="1:6" ht="27.75" customHeight="1">
      <c r="A1062" s="14" t="s">
        <v>2094</v>
      </c>
      <c r="B1062" s="9" t="s">
        <v>2092</v>
      </c>
      <c r="C1062" s="14" t="s">
        <v>1441</v>
      </c>
      <c r="D1062" s="9" t="s">
        <v>2093</v>
      </c>
      <c r="E1062" s="9" t="s">
        <v>40</v>
      </c>
      <c r="F1062" s="11">
        <v>47361</v>
      </c>
    </row>
    <row r="1063" spans="1:6" ht="27.75" customHeight="1">
      <c r="A1063" s="20" t="s">
        <v>2095</v>
      </c>
      <c r="B1063" s="13" t="s">
        <v>2096</v>
      </c>
      <c r="C1063" s="14" t="s">
        <v>1441</v>
      </c>
      <c r="D1063" s="13" t="s">
        <v>2097</v>
      </c>
      <c r="E1063" s="13" t="s">
        <v>21</v>
      </c>
      <c r="F1063" s="11">
        <v>47452</v>
      </c>
    </row>
    <row r="1064" spans="1:6" ht="27.75" customHeight="1">
      <c r="A1064" s="12" t="s">
        <v>2098</v>
      </c>
      <c r="B1064" s="18" t="s">
        <v>2099</v>
      </c>
      <c r="C1064" s="14" t="s">
        <v>1441</v>
      </c>
      <c r="D1064" s="18" t="s">
        <v>2100</v>
      </c>
      <c r="E1064" s="18" t="s">
        <v>40</v>
      </c>
      <c r="F1064" s="19">
        <v>46173</v>
      </c>
    </row>
    <row r="1065" spans="1:6" ht="27.75" customHeight="1">
      <c r="A1065" s="12" t="s">
        <v>2101</v>
      </c>
      <c r="B1065" s="18" t="s">
        <v>2099</v>
      </c>
      <c r="C1065" s="14" t="s">
        <v>1441</v>
      </c>
      <c r="D1065" s="18" t="s">
        <v>2100</v>
      </c>
      <c r="E1065" s="18" t="s">
        <v>253</v>
      </c>
      <c r="F1065" s="19">
        <v>47542</v>
      </c>
    </row>
    <row r="1066" spans="1:6" ht="27.75" customHeight="1">
      <c r="A1066" s="12" t="s">
        <v>2102</v>
      </c>
      <c r="B1066" s="13" t="s">
        <v>2099</v>
      </c>
      <c r="C1066" s="14" t="s">
        <v>1441</v>
      </c>
      <c r="D1066" s="13" t="s">
        <v>2100</v>
      </c>
      <c r="E1066" s="13" t="s">
        <v>11</v>
      </c>
      <c r="F1066" s="11">
        <v>47542</v>
      </c>
    </row>
    <row r="1067" spans="1:6" ht="27.75" customHeight="1">
      <c r="A1067" s="8" t="s">
        <v>2103</v>
      </c>
      <c r="B1067" s="13" t="s">
        <v>2104</v>
      </c>
      <c r="C1067" s="14" t="s">
        <v>1441</v>
      </c>
      <c r="D1067" s="13" t="s">
        <v>2105</v>
      </c>
      <c r="E1067" s="13" t="s">
        <v>40</v>
      </c>
      <c r="F1067" s="11">
        <v>47422</v>
      </c>
    </row>
    <row r="1068" spans="1:6" ht="27.75" customHeight="1">
      <c r="A1068" s="8" t="s">
        <v>2106</v>
      </c>
      <c r="B1068" s="18" t="s">
        <v>2107</v>
      </c>
      <c r="C1068" s="14" t="s">
        <v>1441</v>
      </c>
      <c r="D1068" s="18" t="s">
        <v>2108</v>
      </c>
      <c r="E1068" s="18" t="s">
        <v>21</v>
      </c>
      <c r="F1068" s="19">
        <v>47391</v>
      </c>
    </row>
    <row r="1069" spans="1:6" ht="27.75" customHeight="1">
      <c r="A1069" s="14" t="s">
        <v>2109</v>
      </c>
      <c r="B1069" s="9" t="s">
        <v>2110</v>
      </c>
      <c r="C1069" s="14" t="s">
        <v>1441</v>
      </c>
      <c r="D1069" s="9" t="s">
        <v>2111</v>
      </c>
      <c r="E1069" s="9" t="s">
        <v>25</v>
      </c>
      <c r="F1069" s="11">
        <v>47422</v>
      </c>
    </row>
    <row r="1070" spans="1:6" ht="27.75" customHeight="1">
      <c r="A1070" s="23" t="s">
        <v>2112</v>
      </c>
      <c r="B1070" s="9" t="s">
        <v>2113</v>
      </c>
      <c r="C1070" s="14" t="s">
        <v>1441</v>
      </c>
      <c r="D1070" s="9" t="s">
        <v>2114</v>
      </c>
      <c r="E1070" s="24" t="s">
        <v>21</v>
      </c>
      <c r="F1070" s="11">
        <v>47299</v>
      </c>
    </row>
    <row r="1071" spans="1:6" ht="27.75" customHeight="1">
      <c r="A1071" s="12" t="s">
        <v>2115</v>
      </c>
      <c r="B1071" s="13" t="s">
        <v>2116</v>
      </c>
      <c r="C1071" s="14" t="s">
        <v>1441</v>
      </c>
      <c r="D1071" s="13" t="s">
        <v>2117</v>
      </c>
      <c r="E1071" s="13" t="s">
        <v>2118</v>
      </c>
      <c r="F1071" s="11">
        <v>47269</v>
      </c>
    </row>
    <row r="1072" spans="1:6" ht="27.75" customHeight="1">
      <c r="A1072" s="12" t="s">
        <v>2119</v>
      </c>
      <c r="B1072" s="13" t="s">
        <v>2120</v>
      </c>
      <c r="C1072" s="14" t="s">
        <v>1441</v>
      </c>
      <c r="D1072" s="13" t="s">
        <v>2121</v>
      </c>
      <c r="E1072" s="13" t="s">
        <v>21</v>
      </c>
      <c r="F1072" s="11">
        <v>47422</v>
      </c>
    </row>
    <row r="1073" spans="1:6" ht="27.75" customHeight="1">
      <c r="A1073" s="17" t="s">
        <v>2122</v>
      </c>
      <c r="B1073" s="9" t="s">
        <v>2123</v>
      </c>
      <c r="C1073" s="14" t="s">
        <v>1441</v>
      </c>
      <c r="D1073" s="9" t="s">
        <v>2124</v>
      </c>
      <c r="E1073" s="9" t="s">
        <v>2125</v>
      </c>
      <c r="F1073" s="11">
        <v>47422</v>
      </c>
    </row>
    <row r="1074" spans="1:6" ht="27.75" customHeight="1">
      <c r="A1074" s="12" t="s">
        <v>2126</v>
      </c>
      <c r="B1074" s="13" t="s">
        <v>2127</v>
      </c>
      <c r="C1074" s="14" t="s">
        <v>1441</v>
      </c>
      <c r="D1074" s="13" t="s">
        <v>2128</v>
      </c>
      <c r="E1074" s="13" t="s">
        <v>502</v>
      </c>
      <c r="F1074" s="11">
        <v>47422</v>
      </c>
    </row>
    <row r="1075" spans="1:6" ht="27.75" customHeight="1">
      <c r="A1075" s="20" t="s">
        <v>2129</v>
      </c>
      <c r="B1075" s="13" t="s">
        <v>2127</v>
      </c>
      <c r="C1075" s="14" t="s">
        <v>1441</v>
      </c>
      <c r="D1075" s="13" t="s">
        <v>2128</v>
      </c>
      <c r="E1075" s="13" t="s">
        <v>1796</v>
      </c>
      <c r="F1075" s="11">
        <v>47422</v>
      </c>
    </row>
    <row r="1076" spans="1:6" ht="27.75" customHeight="1">
      <c r="A1076" s="23" t="s">
        <v>2130</v>
      </c>
      <c r="B1076" s="13" t="s">
        <v>2131</v>
      </c>
      <c r="C1076" s="14" t="s">
        <v>1441</v>
      </c>
      <c r="D1076" s="9" t="s">
        <v>2132</v>
      </c>
      <c r="E1076" s="24" t="s">
        <v>21</v>
      </c>
      <c r="F1076" s="11">
        <v>47483</v>
      </c>
    </row>
    <row r="1077" spans="1:6" ht="27.75" customHeight="1">
      <c r="A1077" s="14" t="s">
        <v>2133</v>
      </c>
      <c r="B1077" s="9" t="s">
        <v>2134</v>
      </c>
      <c r="C1077" s="14" t="s">
        <v>1441</v>
      </c>
      <c r="D1077" s="9" t="s">
        <v>2135</v>
      </c>
      <c r="E1077" s="9" t="s">
        <v>21</v>
      </c>
      <c r="F1077" s="11">
        <v>47238</v>
      </c>
    </row>
    <row r="1078" spans="1:6" ht="27.75" customHeight="1">
      <c r="A1078" s="14" t="s">
        <v>2136</v>
      </c>
      <c r="B1078" s="9" t="s">
        <v>2137</v>
      </c>
      <c r="C1078" s="14" t="s">
        <v>1441</v>
      </c>
      <c r="D1078" s="9" t="s">
        <v>2138</v>
      </c>
      <c r="E1078" s="9" t="s">
        <v>809</v>
      </c>
      <c r="F1078" s="11">
        <v>47573</v>
      </c>
    </row>
    <row r="1079" spans="1:6" ht="27.75" customHeight="1">
      <c r="A1079" s="8" t="s">
        <v>2139</v>
      </c>
      <c r="B1079" s="9" t="s">
        <v>2137</v>
      </c>
      <c r="C1079" s="14" t="s">
        <v>1441</v>
      </c>
      <c r="D1079" s="9" t="s">
        <v>2138</v>
      </c>
      <c r="E1079" s="9" t="s">
        <v>2140</v>
      </c>
      <c r="F1079" s="11">
        <v>47573</v>
      </c>
    </row>
    <row r="1080" spans="1:6" ht="27.75" customHeight="1">
      <c r="A1080" s="8" t="s">
        <v>2141</v>
      </c>
      <c r="B1080" s="9" t="s">
        <v>2142</v>
      </c>
      <c r="C1080" s="14" t="s">
        <v>1441</v>
      </c>
      <c r="D1080" s="9" t="s">
        <v>2143</v>
      </c>
      <c r="E1080" s="9" t="s">
        <v>2144</v>
      </c>
      <c r="F1080" s="11">
        <v>47603</v>
      </c>
    </row>
    <row r="1081" spans="1:6" ht="27.75" customHeight="1">
      <c r="A1081" s="8" t="s">
        <v>2145</v>
      </c>
      <c r="B1081" s="9" t="s">
        <v>2146</v>
      </c>
      <c r="C1081" s="14" t="s">
        <v>1441</v>
      </c>
      <c r="D1081" s="9" t="s">
        <v>2147</v>
      </c>
      <c r="E1081" s="9" t="s">
        <v>86</v>
      </c>
      <c r="F1081" s="11">
        <v>47391</v>
      </c>
    </row>
    <row r="1082" spans="1:6" ht="27.75" customHeight="1">
      <c r="A1082" s="12" t="s">
        <v>2148</v>
      </c>
      <c r="B1082" s="13" t="s">
        <v>2149</v>
      </c>
      <c r="C1082" s="14" t="s">
        <v>1441</v>
      </c>
      <c r="D1082" s="13" t="s">
        <v>2150</v>
      </c>
      <c r="E1082" s="13" t="s">
        <v>2151</v>
      </c>
      <c r="F1082" s="11">
        <v>46630</v>
      </c>
    </row>
    <row r="1083" spans="1:6" ht="27.75" customHeight="1">
      <c r="A1083" s="12" t="s">
        <v>2152</v>
      </c>
      <c r="B1083" s="13" t="s">
        <v>2153</v>
      </c>
      <c r="C1083" s="14" t="s">
        <v>1441</v>
      </c>
      <c r="D1083" s="13" t="s">
        <v>2154</v>
      </c>
      <c r="E1083" s="13" t="s">
        <v>2118</v>
      </c>
      <c r="F1083" s="11">
        <v>46446</v>
      </c>
    </row>
    <row r="1084" spans="1:6" ht="27.75" customHeight="1">
      <c r="A1084" s="8" t="s">
        <v>2155</v>
      </c>
      <c r="B1084" s="9" t="s">
        <v>2156</v>
      </c>
      <c r="C1084" s="14" t="s">
        <v>1441</v>
      </c>
      <c r="D1084" s="9" t="s">
        <v>2157</v>
      </c>
      <c r="E1084" s="9" t="s">
        <v>2158</v>
      </c>
      <c r="F1084" s="11">
        <v>46446</v>
      </c>
    </row>
    <row r="1085" spans="1:6" ht="27.75" customHeight="1">
      <c r="A1085" s="14" t="s">
        <v>2159</v>
      </c>
      <c r="B1085" s="9" t="s">
        <v>2160</v>
      </c>
      <c r="C1085" s="14" t="s">
        <v>1441</v>
      </c>
      <c r="D1085" s="9" t="s">
        <v>2161</v>
      </c>
      <c r="E1085" s="9" t="s">
        <v>86</v>
      </c>
      <c r="F1085" s="11">
        <v>46356</v>
      </c>
    </row>
    <row r="1086" spans="1:6" ht="27.75" customHeight="1">
      <c r="A1086" s="8" t="s">
        <v>2162</v>
      </c>
      <c r="B1086" s="9" t="s">
        <v>2163</v>
      </c>
      <c r="C1086" s="14" t="s">
        <v>1441</v>
      </c>
      <c r="D1086" s="9" t="s">
        <v>2164</v>
      </c>
      <c r="E1086" s="9" t="s">
        <v>369</v>
      </c>
      <c r="F1086" s="11">
        <v>47422</v>
      </c>
    </row>
    <row r="1087" spans="1:6" ht="27.75" customHeight="1">
      <c r="A1087" s="8" t="s">
        <v>2165</v>
      </c>
      <c r="B1087" s="9" t="s">
        <v>2166</v>
      </c>
      <c r="C1087" s="14" t="s">
        <v>1441</v>
      </c>
      <c r="D1087" s="9" t="s">
        <v>2167</v>
      </c>
      <c r="E1087" s="9" t="s">
        <v>21</v>
      </c>
      <c r="F1087" s="11">
        <v>47177</v>
      </c>
    </row>
    <row r="1088" spans="1:6" ht="27.75" customHeight="1">
      <c r="A1088" s="8" t="s">
        <v>2168</v>
      </c>
      <c r="B1088" s="9" t="s">
        <v>2166</v>
      </c>
      <c r="C1088" s="14" t="s">
        <v>1441</v>
      </c>
      <c r="D1088" s="9" t="s">
        <v>2167</v>
      </c>
      <c r="E1088" s="9" t="s">
        <v>21</v>
      </c>
      <c r="F1088" s="11">
        <v>47422</v>
      </c>
    </row>
    <row r="1089" spans="1:6" ht="27.75" customHeight="1">
      <c r="A1089" s="8" t="s">
        <v>2169</v>
      </c>
      <c r="B1089" s="24" t="s">
        <v>2170</v>
      </c>
      <c r="C1089" s="14" t="s">
        <v>1441</v>
      </c>
      <c r="D1089" s="9" t="s">
        <v>2171</v>
      </c>
      <c r="E1089" s="24" t="s">
        <v>21</v>
      </c>
      <c r="F1089" s="11">
        <v>47269</v>
      </c>
    </row>
    <row r="1090" spans="1:6" ht="27.75" customHeight="1">
      <c r="A1090" s="8" t="s">
        <v>2172</v>
      </c>
      <c r="B1090" s="13" t="s">
        <v>2170</v>
      </c>
      <c r="C1090" s="14" t="s">
        <v>1441</v>
      </c>
      <c r="D1090" s="13" t="s">
        <v>2171</v>
      </c>
      <c r="E1090" s="13" t="s">
        <v>111</v>
      </c>
      <c r="F1090" s="11">
        <v>47787</v>
      </c>
    </row>
    <row r="1091" spans="1:6" ht="27.75" customHeight="1">
      <c r="A1091" s="14" t="s">
        <v>2173</v>
      </c>
      <c r="B1091" s="9" t="s">
        <v>2170</v>
      </c>
      <c r="C1091" s="14" t="s">
        <v>1441</v>
      </c>
      <c r="D1091" s="9" t="s">
        <v>2171</v>
      </c>
      <c r="E1091" s="9" t="s">
        <v>111</v>
      </c>
      <c r="F1091" s="11">
        <v>47573</v>
      </c>
    </row>
    <row r="1092" spans="1:6" ht="27.75" customHeight="1">
      <c r="A1092" s="14" t="s">
        <v>2174</v>
      </c>
      <c r="B1092" s="9" t="s">
        <v>2170</v>
      </c>
      <c r="C1092" s="14" t="s">
        <v>1441</v>
      </c>
      <c r="D1092" s="9" t="s">
        <v>2171</v>
      </c>
      <c r="E1092" s="9" t="s">
        <v>63</v>
      </c>
      <c r="F1092" s="11">
        <v>47422</v>
      </c>
    </row>
    <row r="1093" spans="1:6" ht="27.75" customHeight="1">
      <c r="A1093" s="14" t="s">
        <v>2175</v>
      </c>
      <c r="B1093" s="9" t="s">
        <v>2170</v>
      </c>
      <c r="C1093" s="14" t="s">
        <v>1441</v>
      </c>
      <c r="D1093" s="9" t="s">
        <v>2171</v>
      </c>
      <c r="E1093" s="9" t="s">
        <v>502</v>
      </c>
      <c r="F1093" s="11">
        <v>47422</v>
      </c>
    </row>
    <row r="1094" spans="1:6" ht="27.75" customHeight="1">
      <c r="A1094" s="17" t="s">
        <v>2176</v>
      </c>
      <c r="B1094" s="9" t="s">
        <v>2170</v>
      </c>
      <c r="C1094" s="14" t="s">
        <v>1441</v>
      </c>
      <c r="D1094" s="9" t="s">
        <v>2171</v>
      </c>
      <c r="E1094" s="9" t="s">
        <v>21</v>
      </c>
      <c r="F1094" s="11">
        <v>47422</v>
      </c>
    </row>
    <row r="1095" spans="1:6" ht="27.75" customHeight="1">
      <c r="A1095" s="17" t="s">
        <v>2177</v>
      </c>
      <c r="B1095" s="9" t="s">
        <v>2178</v>
      </c>
      <c r="C1095" s="14" t="s">
        <v>2179</v>
      </c>
      <c r="D1095" s="9" t="s">
        <v>2180</v>
      </c>
      <c r="E1095" s="9" t="s">
        <v>823</v>
      </c>
      <c r="F1095" s="11">
        <v>47422</v>
      </c>
    </row>
    <row r="1096" spans="1:6" ht="27.75" customHeight="1">
      <c r="A1096" s="17" t="s">
        <v>2181</v>
      </c>
      <c r="B1096" s="9" t="s">
        <v>2178</v>
      </c>
      <c r="C1096" s="14" t="s">
        <v>2179</v>
      </c>
      <c r="D1096" s="9" t="s">
        <v>2180</v>
      </c>
      <c r="E1096" s="26" t="s">
        <v>2182</v>
      </c>
      <c r="F1096" s="11">
        <v>47422</v>
      </c>
    </row>
    <row r="1097" spans="1:6" ht="27.75" customHeight="1">
      <c r="A1097" s="14" t="s">
        <v>2183</v>
      </c>
      <c r="B1097" s="9" t="s">
        <v>2178</v>
      </c>
      <c r="C1097" s="14" t="s">
        <v>2179</v>
      </c>
      <c r="D1097" s="9" t="s">
        <v>2180</v>
      </c>
      <c r="E1097" s="9" t="s">
        <v>21</v>
      </c>
      <c r="F1097" s="11">
        <v>47422</v>
      </c>
    </row>
    <row r="1098" spans="1:6" ht="27.75" customHeight="1">
      <c r="A1098" s="17" t="s">
        <v>2184</v>
      </c>
      <c r="B1098" s="9" t="s">
        <v>2178</v>
      </c>
      <c r="C1098" s="14" t="s">
        <v>2179</v>
      </c>
      <c r="D1098" s="9" t="s">
        <v>2180</v>
      </c>
      <c r="E1098" s="9" t="s">
        <v>274</v>
      </c>
      <c r="F1098" s="11">
        <v>47269</v>
      </c>
    </row>
    <row r="1099" spans="1:6" ht="27.75" customHeight="1">
      <c r="A1099" s="12" t="s">
        <v>2185</v>
      </c>
      <c r="B1099" s="13" t="s">
        <v>2178</v>
      </c>
      <c r="C1099" s="14" t="s">
        <v>2179</v>
      </c>
      <c r="D1099" s="13" t="s">
        <v>2180</v>
      </c>
      <c r="E1099" s="13" t="s">
        <v>321</v>
      </c>
      <c r="F1099" s="11">
        <v>47422</v>
      </c>
    </row>
    <row r="1100" spans="1:6" ht="27.75" customHeight="1">
      <c r="A1100" s="8" t="s">
        <v>2186</v>
      </c>
      <c r="B1100" s="9" t="s">
        <v>2178</v>
      </c>
      <c r="C1100" s="14" t="s">
        <v>2179</v>
      </c>
      <c r="D1100" s="9" t="s">
        <v>2180</v>
      </c>
      <c r="E1100" s="9" t="s">
        <v>2187</v>
      </c>
      <c r="F1100" s="11">
        <v>46446</v>
      </c>
    </row>
    <row r="1101" spans="1:6" ht="27.75" customHeight="1">
      <c r="A1101" s="14" t="s">
        <v>2188</v>
      </c>
      <c r="B1101" s="9" t="s">
        <v>2178</v>
      </c>
      <c r="C1101" s="14" t="s">
        <v>2179</v>
      </c>
      <c r="D1101" s="9" t="s">
        <v>2180</v>
      </c>
      <c r="E1101" s="9" t="s">
        <v>295</v>
      </c>
      <c r="F1101" s="11">
        <v>46477</v>
      </c>
    </row>
    <row r="1102" spans="1:6" ht="27.75" customHeight="1">
      <c r="A1102" s="12" t="s">
        <v>2189</v>
      </c>
      <c r="B1102" s="13" t="s">
        <v>2190</v>
      </c>
      <c r="C1102" s="14" t="s">
        <v>2179</v>
      </c>
      <c r="D1102" s="13" t="s">
        <v>2191</v>
      </c>
      <c r="E1102" s="13" t="s">
        <v>40</v>
      </c>
      <c r="F1102" s="11">
        <v>46203</v>
      </c>
    </row>
    <row r="1103" spans="1:6" ht="27.75" customHeight="1">
      <c r="A1103" s="12" t="s">
        <v>2192</v>
      </c>
      <c r="B1103" s="9" t="s">
        <v>2193</v>
      </c>
      <c r="C1103" s="14" t="s">
        <v>2179</v>
      </c>
      <c r="D1103" s="13" t="s">
        <v>2194</v>
      </c>
      <c r="E1103" s="13" t="s">
        <v>253</v>
      </c>
      <c r="F1103" s="11">
        <v>47149</v>
      </c>
    </row>
    <row r="1104" spans="1:6" ht="27.75" customHeight="1">
      <c r="A1104" s="14" t="s">
        <v>2195</v>
      </c>
      <c r="B1104" s="9" t="s">
        <v>2193</v>
      </c>
      <c r="C1104" s="14" t="s">
        <v>2179</v>
      </c>
      <c r="D1104" s="9" t="s">
        <v>2196</v>
      </c>
      <c r="E1104" s="9" t="s">
        <v>502</v>
      </c>
      <c r="F1104" s="11">
        <v>47542</v>
      </c>
    </row>
    <row r="1105" spans="1:6" ht="27.75" customHeight="1">
      <c r="A1105" s="14" t="s">
        <v>2197</v>
      </c>
      <c r="B1105" s="9" t="s">
        <v>2178</v>
      </c>
      <c r="C1105" s="14" t="s">
        <v>2179</v>
      </c>
      <c r="D1105" s="9" t="s">
        <v>2198</v>
      </c>
      <c r="E1105" s="9" t="s">
        <v>2199</v>
      </c>
      <c r="F1105" s="11">
        <v>47542</v>
      </c>
    </row>
    <row r="1106" spans="1:6" ht="27.75" customHeight="1">
      <c r="A1106" s="14" t="s">
        <v>2200</v>
      </c>
      <c r="B1106" s="9" t="s">
        <v>2201</v>
      </c>
      <c r="C1106" s="14" t="s">
        <v>2179</v>
      </c>
      <c r="D1106" s="9" t="s">
        <v>2202</v>
      </c>
      <c r="E1106" s="9" t="s">
        <v>17</v>
      </c>
      <c r="F1106" s="11">
        <v>47422</v>
      </c>
    </row>
    <row r="1107" spans="1:6" ht="27.75" customHeight="1">
      <c r="A1107" s="14" t="s">
        <v>2203</v>
      </c>
      <c r="B1107" s="9" t="s">
        <v>2204</v>
      </c>
      <c r="C1107" s="14" t="s">
        <v>2179</v>
      </c>
      <c r="D1107" s="9" t="s">
        <v>2205</v>
      </c>
      <c r="E1107" s="9" t="s">
        <v>234</v>
      </c>
      <c r="F1107" s="11">
        <v>46446</v>
      </c>
    </row>
    <row r="1108" spans="1:6" ht="27.75" customHeight="1">
      <c r="A1108" s="12" t="s">
        <v>2206</v>
      </c>
      <c r="B1108" s="13" t="s">
        <v>2207</v>
      </c>
      <c r="C1108" s="14" t="s">
        <v>2179</v>
      </c>
      <c r="D1108" s="9" t="s">
        <v>2208</v>
      </c>
      <c r="E1108" s="13" t="s">
        <v>11</v>
      </c>
      <c r="F1108" s="11">
        <v>47422</v>
      </c>
    </row>
    <row r="1109" spans="1:6" ht="27.75" customHeight="1">
      <c r="A1109" s="14" t="s">
        <v>2209</v>
      </c>
      <c r="B1109" s="9" t="s">
        <v>2210</v>
      </c>
      <c r="C1109" s="14" t="s">
        <v>2179</v>
      </c>
      <c r="D1109" s="9" t="s">
        <v>2211</v>
      </c>
      <c r="E1109" s="9" t="s">
        <v>142</v>
      </c>
      <c r="F1109" s="11">
        <v>47422</v>
      </c>
    </row>
    <row r="1110" spans="1:6" ht="27.75" customHeight="1">
      <c r="A1110" s="23" t="s">
        <v>2212</v>
      </c>
      <c r="B1110" s="24" t="s">
        <v>2213</v>
      </c>
      <c r="C1110" s="14" t="s">
        <v>2179</v>
      </c>
      <c r="D1110" s="9" t="s">
        <v>2214</v>
      </c>
      <c r="E1110" s="24" t="s">
        <v>369</v>
      </c>
      <c r="F1110" s="11">
        <v>46752</v>
      </c>
    </row>
    <row r="1111" spans="1:6" ht="27.75" customHeight="1">
      <c r="A1111" s="12" t="s">
        <v>2215</v>
      </c>
      <c r="B1111" s="13" t="s">
        <v>2216</v>
      </c>
      <c r="C1111" s="14" t="s">
        <v>2179</v>
      </c>
      <c r="D1111" s="13" t="s">
        <v>2217</v>
      </c>
      <c r="E1111" s="13" t="s">
        <v>2218</v>
      </c>
      <c r="F1111" s="11">
        <v>47422</v>
      </c>
    </row>
    <row r="1112" spans="1:6" ht="27.75" customHeight="1">
      <c r="A1112" s="12" t="s">
        <v>2219</v>
      </c>
      <c r="B1112" s="13" t="s">
        <v>2220</v>
      </c>
      <c r="C1112" s="14" t="s">
        <v>2179</v>
      </c>
      <c r="D1112" s="13" t="s">
        <v>2221</v>
      </c>
      <c r="E1112" s="13" t="s">
        <v>44</v>
      </c>
      <c r="F1112" s="11">
        <v>47422</v>
      </c>
    </row>
    <row r="1113" spans="1:6" ht="27.75" customHeight="1">
      <c r="A1113" s="8" t="s">
        <v>2222</v>
      </c>
      <c r="B1113" s="13" t="s">
        <v>2223</v>
      </c>
      <c r="C1113" s="14" t="s">
        <v>2179</v>
      </c>
      <c r="D1113" s="13" t="s">
        <v>2224</v>
      </c>
      <c r="E1113" s="13" t="s">
        <v>300</v>
      </c>
      <c r="F1113" s="11">
        <v>47422</v>
      </c>
    </row>
    <row r="1114" spans="1:6" ht="27.75" customHeight="1">
      <c r="A1114" s="14" t="s">
        <v>2225</v>
      </c>
      <c r="B1114" s="9" t="s">
        <v>2226</v>
      </c>
      <c r="C1114" s="14" t="s">
        <v>2179</v>
      </c>
      <c r="D1114" s="9" t="s">
        <v>2227</v>
      </c>
      <c r="E1114" s="9" t="s">
        <v>228</v>
      </c>
      <c r="F1114" s="11">
        <v>47422</v>
      </c>
    </row>
    <row r="1115" spans="1:6" ht="27.75" customHeight="1">
      <c r="A1115" s="14" t="s">
        <v>2228</v>
      </c>
      <c r="B1115" s="9" t="s">
        <v>2229</v>
      </c>
      <c r="C1115" s="10" t="s">
        <v>2179</v>
      </c>
      <c r="D1115" s="9" t="s">
        <v>2230</v>
      </c>
      <c r="E1115" s="9" t="s">
        <v>21</v>
      </c>
      <c r="F1115" s="11">
        <v>46142</v>
      </c>
    </row>
    <row r="1116" spans="1:6" ht="27.75" customHeight="1">
      <c r="A1116" s="12" t="s">
        <v>2231</v>
      </c>
      <c r="B1116" s="13" t="s">
        <v>2229</v>
      </c>
      <c r="C1116" s="10" t="s">
        <v>2179</v>
      </c>
      <c r="D1116" s="13" t="s">
        <v>2230</v>
      </c>
      <c r="E1116" s="13" t="s">
        <v>21</v>
      </c>
      <c r="F1116" s="11">
        <v>47787</v>
      </c>
    </row>
    <row r="1117" spans="1:6" ht="27.75" customHeight="1">
      <c r="A1117" s="20" t="s">
        <v>2232</v>
      </c>
      <c r="B1117" s="13" t="s">
        <v>2229</v>
      </c>
      <c r="C1117" s="10" t="s">
        <v>2179</v>
      </c>
      <c r="D1117" s="13" t="s">
        <v>2230</v>
      </c>
      <c r="E1117" s="13" t="s">
        <v>2233</v>
      </c>
      <c r="F1117" s="11">
        <v>46538</v>
      </c>
    </row>
    <row r="1118" spans="1:6" ht="27.75" customHeight="1">
      <c r="A1118" s="14" t="s">
        <v>2234</v>
      </c>
      <c r="B1118" s="9" t="s">
        <v>2235</v>
      </c>
      <c r="C1118" s="10" t="s">
        <v>2179</v>
      </c>
      <c r="D1118" s="9" t="s">
        <v>2236</v>
      </c>
      <c r="E1118" s="9" t="s">
        <v>35</v>
      </c>
      <c r="F1118" s="11">
        <v>47848</v>
      </c>
    </row>
    <row r="1119" spans="1:6" ht="27.75" customHeight="1">
      <c r="A1119" s="17" t="s">
        <v>2237</v>
      </c>
      <c r="B1119" s="9" t="s">
        <v>2235</v>
      </c>
      <c r="C1119" s="10" t="s">
        <v>2179</v>
      </c>
      <c r="D1119" s="9" t="s">
        <v>2238</v>
      </c>
      <c r="E1119" s="9" t="s">
        <v>253</v>
      </c>
      <c r="F1119" s="11">
        <v>47422</v>
      </c>
    </row>
    <row r="1120" spans="1:6" ht="27.75" customHeight="1">
      <c r="A1120" s="17" t="s">
        <v>2239</v>
      </c>
      <c r="B1120" s="9" t="s">
        <v>2235</v>
      </c>
      <c r="C1120" s="10" t="s">
        <v>2179</v>
      </c>
      <c r="D1120" s="9" t="s">
        <v>2236</v>
      </c>
      <c r="E1120" s="9" t="s">
        <v>1767</v>
      </c>
      <c r="F1120" s="11">
        <v>47422</v>
      </c>
    </row>
    <row r="1121" spans="1:6" ht="27.75" customHeight="1">
      <c r="A1121" s="14" t="s">
        <v>2240</v>
      </c>
      <c r="B1121" s="9" t="s">
        <v>2241</v>
      </c>
      <c r="C1121" s="10" t="s">
        <v>2179</v>
      </c>
      <c r="D1121" s="9" t="s">
        <v>2242</v>
      </c>
      <c r="E1121" s="9" t="s">
        <v>17</v>
      </c>
      <c r="F1121" s="11">
        <v>47422</v>
      </c>
    </row>
    <row r="1122" spans="1:6" ht="27.75" customHeight="1">
      <c r="A1122" s="15" t="s">
        <v>2243</v>
      </c>
      <c r="B1122" s="9" t="s">
        <v>2244</v>
      </c>
      <c r="C1122" s="10" t="s">
        <v>2179</v>
      </c>
      <c r="D1122" s="9" t="s">
        <v>2245</v>
      </c>
      <c r="E1122" s="13" t="s">
        <v>2246</v>
      </c>
      <c r="F1122" s="11">
        <v>47452</v>
      </c>
    </row>
    <row r="1123" spans="1:6" ht="27.75" customHeight="1">
      <c r="A1123" s="8" t="s">
        <v>2247</v>
      </c>
      <c r="B1123" s="13" t="s">
        <v>2248</v>
      </c>
      <c r="C1123" s="10" t="s">
        <v>2179</v>
      </c>
      <c r="D1123" s="13" t="s">
        <v>2249</v>
      </c>
      <c r="E1123" s="13" t="s">
        <v>2250</v>
      </c>
      <c r="F1123" s="11">
        <v>47118</v>
      </c>
    </row>
    <row r="1124" spans="1:6" ht="27.75" customHeight="1">
      <c r="A1124" s="12" t="s">
        <v>2251</v>
      </c>
      <c r="B1124" s="13" t="s">
        <v>2248</v>
      </c>
      <c r="C1124" s="10" t="s">
        <v>2179</v>
      </c>
      <c r="D1124" s="13" t="s">
        <v>2249</v>
      </c>
      <c r="E1124" s="13" t="s">
        <v>44</v>
      </c>
      <c r="F1124" s="11">
        <v>47634</v>
      </c>
    </row>
    <row r="1125" spans="1:6" ht="27.75" customHeight="1">
      <c r="A1125" s="14" t="s">
        <v>2252</v>
      </c>
      <c r="B1125" s="9" t="s">
        <v>2248</v>
      </c>
      <c r="C1125" s="10" t="s">
        <v>2179</v>
      </c>
      <c r="D1125" s="9" t="s">
        <v>2249</v>
      </c>
      <c r="E1125" s="9" t="s">
        <v>86</v>
      </c>
      <c r="F1125" s="11">
        <v>46234</v>
      </c>
    </row>
    <row r="1126" spans="1:6" ht="27.75" customHeight="1">
      <c r="A1126" s="14" t="s">
        <v>2253</v>
      </c>
      <c r="B1126" s="9" t="s">
        <v>2254</v>
      </c>
      <c r="C1126" s="10" t="s">
        <v>2179</v>
      </c>
      <c r="D1126" s="9" t="s">
        <v>2255</v>
      </c>
      <c r="E1126" s="9" t="s">
        <v>17</v>
      </c>
      <c r="F1126" s="11">
        <v>47695</v>
      </c>
    </row>
    <row r="1127" spans="1:6" ht="27.75" customHeight="1">
      <c r="A1127" s="14" t="s">
        <v>2256</v>
      </c>
      <c r="B1127" s="9" t="s">
        <v>2254</v>
      </c>
      <c r="C1127" s="10" t="s">
        <v>2179</v>
      </c>
      <c r="D1127" s="9" t="s">
        <v>2255</v>
      </c>
      <c r="E1127" s="9" t="s">
        <v>17</v>
      </c>
      <c r="F1127" s="11">
        <v>47422</v>
      </c>
    </row>
    <row r="1128" spans="1:6" ht="27.75" customHeight="1">
      <c r="A1128" s="8" t="s">
        <v>2257</v>
      </c>
      <c r="B1128" s="9" t="s">
        <v>2258</v>
      </c>
      <c r="C1128" s="10" t="s">
        <v>2179</v>
      </c>
      <c r="D1128" s="9" t="s">
        <v>2259</v>
      </c>
      <c r="E1128" s="9" t="s">
        <v>2260</v>
      </c>
      <c r="F1128" s="11">
        <v>47422</v>
      </c>
    </row>
    <row r="1129" spans="1:6" ht="27.75" customHeight="1">
      <c r="A1129" s="14" t="s">
        <v>2261</v>
      </c>
      <c r="B1129" s="9" t="s">
        <v>2262</v>
      </c>
      <c r="C1129" s="10" t="s">
        <v>2179</v>
      </c>
      <c r="D1129" s="9" t="s">
        <v>2263</v>
      </c>
      <c r="E1129" s="9" t="s">
        <v>44</v>
      </c>
      <c r="F1129" s="11">
        <v>47422</v>
      </c>
    </row>
    <row r="1130" spans="1:6" ht="27.75" customHeight="1">
      <c r="A1130" s="17" t="s">
        <v>2264</v>
      </c>
      <c r="B1130" s="9" t="s">
        <v>2262</v>
      </c>
      <c r="C1130" s="10" t="s">
        <v>2179</v>
      </c>
      <c r="D1130" s="9" t="s">
        <v>2263</v>
      </c>
      <c r="E1130" s="9" t="s">
        <v>44</v>
      </c>
      <c r="F1130" s="11">
        <v>47422</v>
      </c>
    </row>
    <row r="1131" spans="1:6" ht="27.75" customHeight="1">
      <c r="A1131" s="12" t="s">
        <v>2265</v>
      </c>
      <c r="B1131" s="9" t="s">
        <v>2262</v>
      </c>
      <c r="C1131" s="10" t="s">
        <v>2179</v>
      </c>
      <c r="D1131" s="13" t="s">
        <v>2263</v>
      </c>
      <c r="E1131" s="13" t="s">
        <v>228</v>
      </c>
      <c r="F1131" s="11">
        <v>47422</v>
      </c>
    </row>
    <row r="1132" spans="1:6" ht="27.75" customHeight="1">
      <c r="A1132" s="14" t="s">
        <v>2266</v>
      </c>
      <c r="B1132" s="9" t="s">
        <v>2262</v>
      </c>
      <c r="C1132" s="10" t="s">
        <v>2179</v>
      </c>
      <c r="D1132" s="9" t="s">
        <v>2263</v>
      </c>
      <c r="E1132" s="9" t="s">
        <v>44</v>
      </c>
      <c r="F1132" s="11">
        <v>47422</v>
      </c>
    </row>
    <row r="1133" spans="1:6" ht="27.75" customHeight="1">
      <c r="A1133" s="12" t="s">
        <v>2267</v>
      </c>
      <c r="B1133" s="13" t="s">
        <v>2262</v>
      </c>
      <c r="C1133" s="10" t="s">
        <v>2179</v>
      </c>
      <c r="D1133" s="13" t="s">
        <v>2263</v>
      </c>
      <c r="E1133" s="13" t="s">
        <v>196</v>
      </c>
      <c r="F1133" s="11">
        <v>47422</v>
      </c>
    </row>
    <row r="1134" spans="1:6" ht="27.75" customHeight="1">
      <c r="A1134" s="14" t="s">
        <v>2268</v>
      </c>
      <c r="B1134" s="9" t="s">
        <v>2262</v>
      </c>
      <c r="C1134" s="10" t="s">
        <v>2179</v>
      </c>
      <c r="D1134" s="9" t="s">
        <v>2263</v>
      </c>
      <c r="E1134" s="9" t="s">
        <v>44</v>
      </c>
      <c r="F1134" s="11">
        <v>46387</v>
      </c>
    </row>
    <row r="1135" spans="1:6" ht="27.75" customHeight="1">
      <c r="A1135" s="12" t="s">
        <v>2269</v>
      </c>
      <c r="B1135" s="13" t="s">
        <v>2262</v>
      </c>
      <c r="C1135" s="10" t="s">
        <v>2179</v>
      </c>
      <c r="D1135" s="9" t="s">
        <v>2263</v>
      </c>
      <c r="E1135" s="13" t="s">
        <v>25</v>
      </c>
      <c r="F1135" s="11">
        <v>47695</v>
      </c>
    </row>
    <row r="1136" spans="1:6" ht="27.75" customHeight="1">
      <c r="A1136" s="12" t="s">
        <v>2270</v>
      </c>
      <c r="B1136" s="13" t="s">
        <v>2262</v>
      </c>
      <c r="C1136" s="10" t="s">
        <v>2179</v>
      </c>
      <c r="D1136" s="13" t="s">
        <v>2263</v>
      </c>
      <c r="E1136" s="13" t="s">
        <v>25</v>
      </c>
      <c r="F1136" s="11">
        <v>47422</v>
      </c>
    </row>
    <row r="1137" spans="1:6" ht="27.75" customHeight="1">
      <c r="A1137" s="8" t="s">
        <v>2271</v>
      </c>
      <c r="B1137" s="13" t="s">
        <v>2262</v>
      </c>
      <c r="C1137" s="10" t="s">
        <v>2179</v>
      </c>
      <c r="D1137" s="13" t="s">
        <v>2263</v>
      </c>
      <c r="E1137" s="13" t="s">
        <v>44</v>
      </c>
      <c r="F1137" s="11">
        <v>47177</v>
      </c>
    </row>
    <row r="1138" spans="1:6" ht="27.75" customHeight="1">
      <c r="A1138" s="8" t="s">
        <v>2272</v>
      </c>
      <c r="B1138" s="9" t="s">
        <v>2262</v>
      </c>
      <c r="C1138" s="10" t="s">
        <v>2179</v>
      </c>
      <c r="D1138" s="9" t="s">
        <v>2263</v>
      </c>
      <c r="E1138" s="9" t="s">
        <v>111</v>
      </c>
      <c r="F1138" s="11">
        <v>47452</v>
      </c>
    </row>
    <row r="1139" spans="1:6" ht="27.75" customHeight="1">
      <c r="A1139" s="14" t="s">
        <v>2273</v>
      </c>
      <c r="B1139" s="9" t="s">
        <v>2262</v>
      </c>
      <c r="C1139" s="10" t="s">
        <v>2179</v>
      </c>
      <c r="D1139" s="9" t="s">
        <v>2263</v>
      </c>
      <c r="E1139" s="9" t="s">
        <v>25</v>
      </c>
      <c r="F1139" s="11">
        <v>47664</v>
      </c>
    </row>
    <row r="1140" spans="1:6" ht="27.75" customHeight="1">
      <c r="A1140" s="12" t="s">
        <v>2274</v>
      </c>
      <c r="B1140" s="13" t="s">
        <v>2262</v>
      </c>
      <c r="C1140" s="10" t="s">
        <v>2179</v>
      </c>
      <c r="D1140" s="13" t="s">
        <v>2263</v>
      </c>
      <c r="E1140" s="13" t="s">
        <v>25</v>
      </c>
      <c r="F1140" s="11">
        <v>47452</v>
      </c>
    </row>
    <row r="1141" spans="1:6" ht="27.75" customHeight="1">
      <c r="A1141" s="12" t="s">
        <v>2275</v>
      </c>
      <c r="B1141" s="13" t="s">
        <v>2262</v>
      </c>
      <c r="C1141" s="10" t="s">
        <v>2179</v>
      </c>
      <c r="D1141" s="13" t="s">
        <v>2263</v>
      </c>
      <c r="E1141" s="13" t="s">
        <v>40</v>
      </c>
      <c r="F1141" s="11">
        <v>47330</v>
      </c>
    </row>
    <row r="1142" spans="1:6" ht="27.75" customHeight="1">
      <c r="A1142" s="8" t="s">
        <v>2276</v>
      </c>
      <c r="B1142" s="9" t="s">
        <v>2262</v>
      </c>
      <c r="C1142" s="10" t="s">
        <v>2179</v>
      </c>
      <c r="D1142" s="9" t="s">
        <v>2263</v>
      </c>
      <c r="E1142" s="9" t="s">
        <v>101</v>
      </c>
      <c r="F1142" s="11">
        <v>46295</v>
      </c>
    </row>
    <row r="1143" spans="1:6" ht="27.75" customHeight="1">
      <c r="A1143" s="23" t="s">
        <v>2277</v>
      </c>
      <c r="B1143" s="24" t="s">
        <v>2262</v>
      </c>
      <c r="C1143" s="10" t="s">
        <v>2179</v>
      </c>
      <c r="D1143" s="9" t="s">
        <v>2263</v>
      </c>
      <c r="E1143" s="24" t="s">
        <v>228</v>
      </c>
      <c r="F1143" s="11">
        <v>47695</v>
      </c>
    </row>
    <row r="1144" spans="1:6" ht="27.75" customHeight="1">
      <c r="A1144" s="20" t="s">
        <v>2278</v>
      </c>
      <c r="B1144" s="13" t="s">
        <v>2262</v>
      </c>
      <c r="C1144" s="10" t="s">
        <v>2179</v>
      </c>
      <c r="D1144" s="13" t="s">
        <v>2263</v>
      </c>
      <c r="E1144" s="13" t="s">
        <v>63</v>
      </c>
      <c r="F1144" s="11">
        <v>47422</v>
      </c>
    </row>
    <row r="1145" spans="1:6" ht="27.75" customHeight="1">
      <c r="A1145" s="8" t="s">
        <v>2279</v>
      </c>
      <c r="B1145" s="13" t="s">
        <v>2262</v>
      </c>
      <c r="C1145" s="10" t="s">
        <v>2179</v>
      </c>
      <c r="D1145" s="13" t="s">
        <v>2263</v>
      </c>
      <c r="E1145" s="13" t="s">
        <v>196</v>
      </c>
      <c r="F1145" s="11">
        <v>47695</v>
      </c>
    </row>
    <row r="1146" spans="1:6" ht="27.75" customHeight="1">
      <c r="A1146" s="17" t="s">
        <v>2280</v>
      </c>
      <c r="B1146" s="9" t="s">
        <v>2262</v>
      </c>
      <c r="C1146" s="10" t="s">
        <v>2179</v>
      </c>
      <c r="D1146" s="9" t="s">
        <v>2263</v>
      </c>
      <c r="E1146" s="9" t="s">
        <v>228</v>
      </c>
      <c r="F1146" s="11">
        <v>47634</v>
      </c>
    </row>
    <row r="1147" spans="1:6" ht="27.75" customHeight="1">
      <c r="A1147" s="14" t="s">
        <v>2281</v>
      </c>
      <c r="B1147" s="9" t="s">
        <v>2262</v>
      </c>
      <c r="C1147" s="10" t="s">
        <v>2179</v>
      </c>
      <c r="D1147" s="9" t="s">
        <v>2263</v>
      </c>
      <c r="E1147" s="9" t="s">
        <v>393</v>
      </c>
      <c r="F1147" s="11">
        <v>47087</v>
      </c>
    </row>
    <row r="1148" spans="1:6" ht="27.75" customHeight="1">
      <c r="A1148" s="12" t="s">
        <v>2282</v>
      </c>
      <c r="B1148" s="9" t="s">
        <v>2262</v>
      </c>
      <c r="C1148" s="10" t="s">
        <v>2179</v>
      </c>
      <c r="D1148" s="9" t="s">
        <v>2263</v>
      </c>
      <c r="E1148" s="9" t="s">
        <v>25</v>
      </c>
      <c r="F1148" s="11">
        <v>47634</v>
      </c>
    </row>
    <row r="1149" spans="1:6" ht="27.75" customHeight="1">
      <c r="A1149" s="12" t="s">
        <v>2283</v>
      </c>
      <c r="B1149" s="13" t="s">
        <v>2262</v>
      </c>
      <c r="C1149" s="10" t="s">
        <v>2179</v>
      </c>
      <c r="D1149" s="13" t="s">
        <v>2263</v>
      </c>
      <c r="E1149" s="13" t="s">
        <v>196</v>
      </c>
      <c r="F1149" s="11">
        <v>47422</v>
      </c>
    </row>
    <row r="1150" spans="1:6" ht="27.75" customHeight="1">
      <c r="A1150" s="8" t="s">
        <v>2284</v>
      </c>
      <c r="B1150" s="13" t="s">
        <v>2262</v>
      </c>
      <c r="C1150" s="10" t="s">
        <v>2179</v>
      </c>
      <c r="D1150" s="9" t="s">
        <v>2263</v>
      </c>
      <c r="E1150" s="13" t="s">
        <v>11</v>
      </c>
      <c r="F1150" s="11">
        <v>47634</v>
      </c>
    </row>
    <row r="1151" spans="1:6" ht="27.75" customHeight="1">
      <c r="A1151" s="12" t="s">
        <v>2285</v>
      </c>
      <c r="B1151" s="13" t="s">
        <v>2262</v>
      </c>
      <c r="C1151" s="10" t="s">
        <v>2179</v>
      </c>
      <c r="D1151" s="13" t="s">
        <v>2263</v>
      </c>
      <c r="E1151" s="13" t="s">
        <v>321</v>
      </c>
      <c r="F1151" s="11">
        <v>46203</v>
      </c>
    </row>
    <row r="1152" spans="1:6" ht="27.75" customHeight="1">
      <c r="A1152" s="8" t="s">
        <v>2286</v>
      </c>
      <c r="B1152" s="9" t="s">
        <v>2262</v>
      </c>
      <c r="C1152" s="10" t="s">
        <v>2179</v>
      </c>
      <c r="D1152" s="9" t="s">
        <v>2263</v>
      </c>
      <c r="E1152" s="9" t="s">
        <v>2287</v>
      </c>
      <c r="F1152" s="11">
        <v>47238</v>
      </c>
    </row>
    <row r="1153" spans="1:6" ht="27.75" customHeight="1">
      <c r="A1153" s="14" t="s">
        <v>2288</v>
      </c>
      <c r="B1153" s="9" t="s">
        <v>2262</v>
      </c>
      <c r="C1153" s="10" t="s">
        <v>2179</v>
      </c>
      <c r="D1153" s="9" t="s">
        <v>2263</v>
      </c>
      <c r="E1153" s="9" t="s">
        <v>44</v>
      </c>
      <c r="F1153" s="11">
        <v>47422</v>
      </c>
    </row>
    <row r="1154" spans="1:6" ht="27.75" customHeight="1">
      <c r="A1154" s="14" t="s">
        <v>2289</v>
      </c>
      <c r="B1154" s="9" t="s">
        <v>2262</v>
      </c>
      <c r="C1154" s="10" t="s">
        <v>2179</v>
      </c>
      <c r="D1154" s="9" t="s">
        <v>2263</v>
      </c>
      <c r="E1154" s="9" t="s">
        <v>398</v>
      </c>
      <c r="F1154" s="11">
        <v>47422</v>
      </c>
    </row>
    <row r="1155" spans="1:6" ht="27.75" customHeight="1">
      <c r="A1155" s="12" t="s">
        <v>2290</v>
      </c>
      <c r="B1155" s="13" t="s">
        <v>2262</v>
      </c>
      <c r="C1155" s="10" t="s">
        <v>2179</v>
      </c>
      <c r="D1155" s="13" t="s">
        <v>2263</v>
      </c>
      <c r="E1155" s="13" t="s">
        <v>25</v>
      </c>
      <c r="F1155" s="11">
        <v>47422</v>
      </c>
    </row>
    <row r="1156" spans="1:6" ht="27.75" customHeight="1">
      <c r="A1156" s="14" t="s">
        <v>2291</v>
      </c>
      <c r="B1156" s="9" t="s">
        <v>2262</v>
      </c>
      <c r="C1156" s="10" t="s">
        <v>2179</v>
      </c>
      <c r="D1156" s="9" t="s">
        <v>2263</v>
      </c>
      <c r="E1156" s="9" t="s">
        <v>393</v>
      </c>
      <c r="F1156" s="11">
        <v>46691</v>
      </c>
    </row>
    <row r="1157" spans="1:6" ht="27.75" customHeight="1">
      <c r="A1157" s="14" t="s">
        <v>2292</v>
      </c>
      <c r="B1157" s="9" t="s">
        <v>2262</v>
      </c>
      <c r="C1157" s="10" t="s">
        <v>2179</v>
      </c>
      <c r="D1157" s="9" t="s">
        <v>2263</v>
      </c>
      <c r="E1157" s="9" t="s">
        <v>497</v>
      </c>
      <c r="F1157" s="11">
        <v>46599</v>
      </c>
    </row>
    <row r="1158" spans="1:6" ht="27.75" customHeight="1">
      <c r="A1158" s="8" t="s">
        <v>2293</v>
      </c>
      <c r="B1158" s="9" t="s">
        <v>2262</v>
      </c>
      <c r="C1158" s="10" t="s">
        <v>2179</v>
      </c>
      <c r="D1158" s="9" t="s">
        <v>2263</v>
      </c>
      <c r="E1158" s="9" t="s">
        <v>196</v>
      </c>
      <c r="F1158" s="11">
        <v>47483</v>
      </c>
    </row>
    <row r="1159" spans="1:6" ht="27.75" customHeight="1">
      <c r="A1159" s="8" t="s">
        <v>2294</v>
      </c>
      <c r="B1159" s="9" t="s">
        <v>2262</v>
      </c>
      <c r="C1159" s="10" t="s">
        <v>2179</v>
      </c>
      <c r="D1159" s="9" t="s">
        <v>2263</v>
      </c>
      <c r="E1159" s="9" t="s">
        <v>234</v>
      </c>
      <c r="F1159" s="11">
        <v>46477</v>
      </c>
    </row>
    <row r="1160" spans="1:6" ht="27.75" customHeight="1">
      <c r="A1160" s="12" t="s">
        <v>2295</v>
      </c>
      <c r="B1160" s="13" t="s">
        <v>2262</v>
      </c>
      <c r="C1160" s="10" t="s">
        <v>2179</v>
      </c>
      <c r="D1160" s="13" t="s">
        <v>2263</v>
      </c>
      <c r="E1160" s="13" t="s">
        <v>25</v>
      </c>
      <c r="F1160" s="11">
        <v>46173</v>
      </c>
    </row>
    <row r="1161" spans="1:6" ht="27.75" customHeight="1">
      <c r="A1161" s="14" t="s">
        <v>2296</v>
      </c>
      <c r="B1161" s="9" t="s">
        <v>2262</v>
      </c>
      <c r="C1161" s="10" t="s">
        <v>2179</v>
      </c>
      <c r="D1161" s="9" t="s">
        <v>2263</v>
      </c>
      <c r="E1161" s="9" t="s">
        <v>115</v>
      </c>
      <c r="F1161" s="11">
        <v>47208</v>
      </c>
    </row>
    <row r="1162" spans="1:6" ht="27.75" customHeight="1">
      <c r="A1162" s="12" t="s">
        <v>2297</v>
      </c>
      <c r="B1162" s="13" t="s">
        <v>2262</v>
      </c>
      <c r="C1162" s="10" t="s">
        <v>2179</v>
      </c>
      <c r="D1162" s="13" t="s">
        <v>2263</v>
      </c>
      <c r="E1162" s="13" t="s">
        <v>40</v>
      </c>
      <c r="F1162" s="11">
        <v>46599</v>
      </c>
    </row>
    <row r="1163" spans="1:6" ht="27.75" customHeight="1">
      <c r="A1163" s="12" t="s">
        <v>2298</v>
      </c>
      <c r="B1163" s="13" t="s">
        <v>2262</v>
      </c>
      <c r="C1163" s="10" t="s">
        <v>2179</v>
      </c>
      <c r="D1163" s="13" t="s">
        <v>2263</v>
      </c>
      <c r="E1163" s="13" t="s">
        <v>228</v>
      </c>
      <c r="F1163" s="11">
        <v>47634</v>
      </c>
    </row>
    <row r="1164" spans="1:6" ht="27.75" customHeight="1">
      <c r="A1164" s="12" t="s">
        <v>2299</v>
      </c>
      <c r="B1164" s="13" t="s">
        <v>2262</v>
      </c>
      <c r="C1164" s="10" t="s">
        <v>2179</v>
      </c>
      <c r="D1164" s="13" t="s">
        <v>2263</v>
      </c>
      <c r="E1164" s="13" t="s">
        <v>40</v>
      </c>
      <c r="F1164" s="11">
        <v>47422</v>
      </c>
    </row>
    <row r="1165" spans="1:6" ht="27.75" customHeight="1">
      <c r="A1165" s="14" t="s">
        <v>2300</v>
      </c>
      <c r="B1165" s="9" t="s">
        <v>2262</v>
      </c>
      <c r="C1165" s="10" t="s">
        <v>2179</v>
      </c>
      <c r="D1165" s="9" t="s">
        <v>2263</v>
      </c>
      <c r="E1165" s="9" t="s">
        <v>17</v>
      </c>
      <c r="F1165" s="11">
        <v>46387</v>
      </c>
    </row>
    <row r="1166" spans="1:6" ht="27.75" customHeight="1">
      <c r="A1166" s="14" t="s">
        <v>2301</v>
      </c>
      <c r="B1166" s="9" t="s">
        <v>2262</v>
      </c>
      <c r="C1166" s="10" t="s">
        <v>2179</v>
      </c>
      <c r="D1166" s="9" t="s">
        <v>2263</v>
      </c>
      <c r="E1166" s="9" t="s">
        <v>11</v>
      </c>
      <c r="F1166" s="11">
        <v>46477</v>
      </c>
    </row>
    <row r="1167" spans="1:6" ht="27.75" customHeight="1">
      <c r="A1167" s="14" t="s">
        <v>2302</v>
      </c>
      <c r="B1167" s="9" t="s">
        <v>2262</v>
      </c>
      <c r="C1167" s="10" t="s">
        <v>2179</v>
      </c>
      <c r="D1167" s="9" t="s">
        <v>2263</v>
      </c>
      <c r="E1167" s="9" t="s">
        <v>40</v>
      </c>
      <c r="F1167" s="11">
        <v>46568</v>
      </c>
    </row>
    <row r="1168" spans="1:6" ht="27.75" customHeight="1">
      <c r="A1168" s="14" t="s">
        <v>2303</v>
      </c>
      <c r="B1168" s="9" t="s">
        <v>2262</v>
      </c>
      <c r="C1168" s="10" t="s">
        <v>2179</v>
      </c>
      <c r="D1168" s="9" t="s">
        <v>2263</v>
      </c>
      <c r="E1168" s="9" t="s">
        <v>115</v>
      </c>
      <c r="F1168" s="11">
        <v>46326</v>
      </c>
    </row>
    <row r="1169" spans="1:6" ht="27.75" customHeight="1">
      <c r="A1169" s="12" t="s">
        <v>2304</v>
      </c>
      <c r="B1169" s="18" t="s">
        <v>2262</v>
      </c>
      <c r="C1169" s="10" t="s">
        <v>2179</v>
      </c>
      <c r="D1169" s="18" t="s">
        <v>2263</v>
      </c>
      <c r="E1169" s="18" t="s">
        <v>11</v>
      </c>
      <c r="F1169" s="19">
        <v>47603</v>
      </c>
    </row>
    <row r="1170" spans="1:6" ht="27.75" customHeight="1">
      <c r="A1170" s="12" t="s">
        <v>2305</v>
      </c>
      <c r="B1170" s="13" t="s">
        <v>2262</v>
      </c>
      <c r="C1170" s="10" t="s">
        <v>2179</v>
      </c>
      <c r="D1170" s="18" t="s">
        <v>2263</v>
      </c>
      <c r="E1170" s="13" t="s">
        <v>25</v>
      </c>
      <c r="F1170" s="11">
        <v>47634</v>
      </c>
    </row>
    <row r="1171" spans="1:6" ht="27.75" customHeight="1">
      <c r="A1171" s="14" t="s">
        <v>2306</v>
      </c>
      <c r="B1171" s="9" t="s">
        <v>2307</v>
      </c>
      <c r="C1171" s="10" t="s">
        <v>2179</v>
      </c>
      <c r="D1171" s="9" t="s">
        <v>2308</v>
      </c>
      <c r="E1171" s="9" t="s">
        <v>502</v>
      </c>
      <c r="F1171" s="11">
        <v>47542</v>
      </c>
    </row>
    <row r="1172" spans="1:6" ht="27.75" customHeight="1">
      <c r="A1172" s="12" t="s">
        <v>2309</v>
      </c>
      <c r="B1172" s="18" t="s">
        <v>2310</v>
      </c>
      <c r="C1172" s="10" t="s">
        <v>2179</v>
      </c>
      <c r="D1172" s="18" t="s">
        <v>2311</v>
      </c>
      <c r="E1172" s="18" t="s">
        <v>398</v>
      </c>
      <c r="F1172" s="19">
        <v>47422</v>
      </c>
    </row>
    <row r="1173" spans="1:6" ht="27.75" customHeight="1">
      <c r="A1173" s="12" t="s">
        <v>2312</v>
      </c>
      <c r="B1173" s="13" t="s">
        <v>2313</v>
      </c>
      <c r="C1173" s="10" t="s">
        <v>2179</v>
      </c>
      <c r="D1173" s="13" t="s">
        <v>2314</v>
      </c>
      <c r="E1173" s="13" t="s">
        <v>21</v>
      </c>
      <c r="F1173" s="11">
        <v>47422</v>
      </c>
    </row>
    <row r="1174" spans="1:6" ht="27.75" customHeight="1">
      <c r="A1174" s="14" t="s">
        <v>2315</v>
      </c>
      <c r="B1174" s="9" t="s">
        <v>2313</v>
      </c>
      <c r="C1174" s="10" t="s">
        <v>2179</v>
      </c>
      <c r="D1174" s="9" t="s">
        <v>2314</v>
      </c>
      <c r="E1174" s="9" t="s">
        <v>75</v>
      </c>
      <c r="F1174" s="11">
        <v>47422</v>
      </c>
    </row>
    <row r="1175" spans="1:6" ht="27.75" customHeight="1">
      <c r="A1175" s="14" t="s">
        <v>2316</v>
      </c>
      <c r="B1175" s="9" t="s">
        <v>2317</v>
      </c>
      <c r="C1175" s="10" t="s">
        <v>2179</v>
      </c>
      <c r="D1175" s="9" t="s">
        <v>2318</v>
      </c>
      <c r="E1175" s="9" t="s">
        <v>44</v>
      </c>
      <c r="F1175" s="11">
        <v>47542</v>
      </c>
    </row>
    <row r="1176" spans="1:6" ht="27.75" customHeight="1">
      <c r="A1176" s="12" t="s">
        <v>2319</v>
      </c>
      <c r="B1176" s="13" t="s">
        <v>2317</v>
      </c>
      <c r="C1176" s="10" t="s">
        <v>2179</v>
      </c>
      <c r="D1176" s="13" t="s">
        <v>2318</v>
      </c>
      <c r="E1176" s="13" t="s">
        <v>2320</v>
      </c>
      <c r="F1176" s="11">
        <v>47422</v>
      </c>
    </row>
    <row r="1177" spans="1:6" ht="27.75" customHeight="1">
      <c r="A1177" s="8" t="s">
        <v>2321</v>
      </c>
      <c r="B1177" s="9" t="s">
        <v>2322</v>
      </c>
      <c r="C1177" s="10" t="s">
        <v>2179</v>
      </c>
      <c r="D1177" s="9" t="s">
        <v>2323</v>
      </c>
      <c r="E1177" s="9" t="s">
        <v>21</v>
      </c>
      <c r="F1177" s="11">
        <v>47422</v>
      </c>
    </row>
    <row r="1178" spans="1:6" ht="27.75" customHeight="1">
      <c r="A1178" s="14" t="s">
        <v>2324</v>
      </c>
      <c r="B1178" s="9" t="s">
        <v>2325</v>
      </c>
      <c r="C1178" s="10" t="s">
        <v>2179</v>
      </c>
      <c r="D1178" s="9" t="s">
        <v>2323</v>
      </c>
      <c r="E1178" s="9" t="s">
        <v>234</v>
      </c>
      <c r="F1178" s="11">
        <v>47422</v>
      </c>
    </row>
    <row r="1179" spans="1:6" ht="27.75" customHeight="1">
      <c r="A1179" s="12" t="s">
        <v>2326</v>
      </c>
      <c r="B1179" s="13" t="s">
        <v>2325</v>
      </c>
      <c r="C1179" s="10" t="s">
        <v>2179</v>
      </c>
      <c r="D1179" s="13" t="s">
        <v>2323</v>
      </c>
      <c r="E1179" s="13" t="s">
        <v>228</v>
      </c>
      <c r="F1179" s="11">
        <v>47422</v>
      </c>
    </row>
    <row r="1180" spans="1:6" ht="27.75" customHeight="1">
      <c r="A1180" s="14" t="s">
        <v>2327</v>
      </c>
      <c r="B1180" s="9" t="s">
        <v>2325</v>
      </c>
      <c r="C1180" s="10" t="s">
        <v>2179</v>
      </c>
      <c r="D1180" s="9" t="s">
        <v>2323</v>
      </c>
      <c r="E1180" s="9" t="s">
        <v>228</v>
      </c>
      <c r="F1180" s="11">
        <v>47422</v>
      </c>
    </row>
    <row r="1181" spans="1:6" ht="27.75" customHeight="1">
      <c r="A1181" s="14" t="s">
        <v>2328</v>
      </c>
      <c r="B1181" s="9" t="s">
        <v>2325</v>
      </c>
      <c r="C1181" s="10" t="s">
        <v>2179</v>
      </c>
      <c r="D1181" s="9" t="s">
        <v>2323</v>
      </c>
      <c r="E1181" s="9" t="s">
        <v>21</v>
      </c>
      <c r="F1181" s="11">
        <v>46446</v>
      </c>
    </row>
    <row r="1182" spans="1:6" ht="27.75" customHeight="1">
      <c r="A1182" s="12" t="s">
        <v>2329</v>
      </c>
      <c r="B1182" s="13" t="s">
        <v>2325</v>
      </c>
      <c r="C1182" s="10" t="s">
        <v>2179</v>
      </c>
      <c r="D1182" s="13" t="s">
        <v>2323</v>
      </c>
      <c r="E1182" s="13" t="s">
        <v>228</v>
      </c>
      <c r="F1182" s="11">
        <v>47422</v>
      </c>
    </row>
    <row r="1183" spans="1:6" ht="27.75" customHeight="1">
      <c r="A1183" s="14" t="s">
        <v>2330</v>
      </c>
      <c r="B1183" s="9" t="s">
        <v>2325</v>
      </c>
      <c r="C1183" s="10" t="s">
        <v>2179</v>
      </c>
      <c r="D1183" s="9" t="s">
        <v>2323</v>
      </c>
      <c r="E1183" s="9" t="s">
        <v>228</v>
      </c>
      <c r="F1183" s="11">
        <v>47422</v>
      </c>
    </row>
    <row r="1184" spans="1:6" ht="27.75" customHeight="1">
      <c r="A1184" s="14" t="s">
        <v>2331</v>
      </c>
      <c r="B1184" s="9" t="s">
        <v>2325</v>
      </c>
      <c r="C1184" s="10" t="s">
        <v>2179</v>
      </c>
      <c r="D1184" s="9" t="s">
        <v>2323</v>
      </c>
      <c r="E1184" s="9" t="s">
        <v>284</v>
      </c>
      <c r="F1184" s="11">
        <v>47422</v>
      </c>
    </row>
    <row r="1185" spans="1:6" ht="27.75" customHeight="1">
      <c r="A1185" s="20" t="s">
        <v>2332</v>
      </c>
      <c r="B1185" s="9" t="s">
        <v>2325</v>
      </c>
      <c r="C1185" s="10" t="s">
        <v>2179</v>
      </c>
      <c r="D1185" s="9" t="s">
        <v>2323</v>
      </c>
      <c r="E1185" s="13" t="s">
        <v>11</v>
      </c>
      <c r="F1185" s="11">
        <v>47422</v>
      </c>
    </row>
    <row r="1186" spans="1:6" ht="27.75" customHeight="1">
      <c r="A1186" s="14" t="s">
        <v>2333</v>
      </c>
      <c r="B1186" s="9" t="s">
        <v>2325</v>
      </c>
      <c r="C1186" s="10" t="s">
        <v>2179</v>
      </c>
      <c r="D1186" s="9" t="s">
        <v>2323</v>
      </c>
      <c r="E1186" s="9" t="s">
        <v>21</v>
      </c>
      <c r="F1186" s="11">
        <v>47057</v>
      </c>
    </row>
    <row r="1187" spans="1:6" ht="27.75" customHeight="1">
      <c r="A1187" s="20" t="s">
        <v>2334</v>
      </c>
      <c r="B1187" s="9" t="s">
        <v>2325</v>
      </c>
      <c r="C1187" s="10" t="s">
        <v>2179</v>
      </c>
      <c r="D1187" s="13" t="s">
        <v>2323</v>
      </c>
      <c r="E1187" s="13" t="s">
        <v>228</v>
      </c>
      <c r="F1187" s="11">
        <v>47422</v>
      </c>
    </row>
    <row r="1188" spans="1:6" ht="27.75" customHeight="1">
      <c r="A1188" s="12" t="s">
        <v>2335</v>
      </c>
      <c r="B1188" s="13" t="s">
        <v>2325</v>
      </c>
      <c r="C1188" s="10" t="s">
        <v>2179</v>
      </c>
      <c r="D1188" s="13" t="s">
        <v>2323</v>
      </c>
      <c r="E1188" s="13" t="s">
        <v>300</v>
      </c>
      <c r="F1188" s="11">
        <v>47422</v>
      </c>
    </row>
    <row r="1189" spans="1:6" ht="27.75" customHeight="1">
      <c r="A1189" s="12" t="s">
        <v>2336</v>
      </c>
      <c r="B1189" s="13" t="s">
        <v>2325</v>
      </c>
      <c r="C1189" s="10" t="s">
        <v>2179</v>
      </c>
      <c r="D1189" s="13" t="s">
        <v>2323</v>
      </c>
      <c r="E1189" s="13" t="s">
        <v>196</v>
      </c>
      <c r="F1189" s="11">
        <v>47422</v>
      </c>
    </row>
    <row r="1190" spans="1:6" ht="27.75" customHeight="1">
      <c r="A1190" s="14" t="s">
        <v>2337</v>
      </c>
      <c r="B1190" s="9" t="s">
        <v>2325</v>
      </c>
      <c r="C1190" s="10" t="s">
        <v>2179</v>
      </c>
      <c r="D1190" s="9" t="s">
        <v>2323</v>
      </c>
      <c r="E1190" s="9" t="s">
        <v>298</v>
      </c>
      <c r="F1190" s="11">
        <v>47422</v>
      </c>
    </row>
    <row r="1191" spans="1:6" ht="27.75" customHeight="1">
      <c r="A1191" s="12" t="s">
        <v>2338</v>
      </c>
      <c r="B1191" s="13" t="s">
        <v>2325</v>
      </c>
      <c r="C1191" s="10" t="s">
        <v>2179</v>
      </c>
      <c r="D1191" s="13" t="s">
        <v>2323</v>
      </c>
      <c r="E1191" s="9" t="s">
        <v>228</v>
      </c>
      <c r="F1191" s="11">
        <v>47422</v>
      </c>
    </row>
    <row r="1192" spans="1:6" ht="27.75" customHeight="1">
      <c r="A1192" s="14" t="s">
        <v>2339</v>
      </c>
      <c r="B1192" s="9" t="s">
        <v>2325</v>
      </c>
      <c r="C1192" s="10" t="s">
        <v>2179</v>
      </c>
      <c r="D1192" s="9" t="s">
        <v>2323</v>
      </c>
      <c r="E1192" s="9" t="s">
        <v>17</v>
      </c>
      <c r="F1192" s="11">
        <v>47422</v>
      </c>
    </row>
    <row r="1193" spans="1:6" ht="27.75" customHeight="1">
      <c r="A1193" s="14" t="s">
        <v>2340</v>
      </c>
      <c r="B1193" s="9" t="s">
        <v>2325</v>
      </c>
      <c r="C1193" s="10" t="s">
        <v>2179</v>
      </c>
      <c r="D1193" s="9" t="s">
        <v>2323</v>
      </c>
      <c r="E1193" s="9" t="s">
        <v>196</v>
      </c>
      <c r="F1193" s="11">
        <v>47726</v>
      </c>
    </row>
    <row r="1194" spans="1:6" ht="27.75" customHeight="1">
      <c r="A1194" s="12" t="s">
        <v>2341</v>
      </c>
      <c r="B1194" s="13" t="s">
        <v>2342</v>
      </c>
      <c r="C1194" s="10" t="s">
        <v>2179</v>
      </c>
      <c r="D1194" s="9" t="s">
        <v>2343</v>
      </c>
      <c r="E1194" s="13" t="s">
        <v>502</v>
      </c>
      <c r="F1194" s="11">
        <v>47452</v>
      </c>
    </row>
    <row r="1195" spans="1:6" ht="27.75" customHeight="1">
      <c r="A1195" s="14" t="s">
        <v>2344</v>
      </c>
      <c r="B1195" s="9" t="s">
        <v>2345</v>
      </c>
      <c r="C1195" s="10" t="s">
        <v>2179</v>
      </c>
      <c r="D1195" s="9" t="s">
        <v>2346</v>
      </c>
      <c r="E1195" s="9" t="s">
        <v>861</v>
      </c>
      <c r="F1195" s="11">
        <v>47542</v>
      </c>
    </row>
    <row r="1196" spans="1:6" ht="27.75" customHeight="1">
      <c r="A1196" s="12" t="s">
        <v>2347</v>
      </c>
      <c r="B1196" s="13" t="s">
        <v>2348</v>
      </c>
      <c r="C1196" s="10" t="s">
        <v>2179</v>
      </c>
      <c r="D1196" s="13" t="s">
        <v>2349</v>
      </c>
      <c r="E1196" s="13" t="s">
        <v>2350</v>
      </c>
      <c r="F1196" s="11">
        <v>46965</v>
      </c>
    </row>
    <row r="1197" spans="1:6" ht="27.75" customHeight="1">
      <c r="A1197" s="14" t="s">
        <v>2351</v>
      </c>
      <c r="B1197" s="9" t="s">
        <v>2352</v>
      </c>
      <c r="C1197" s="10" t="s">
        <v>2179</v>
      </c>
      <c r="D1197" s="9" t="s">
        <v>2353</v>
      </c>
      <c r="E1197" s="9" t="s">
        <v>2354</v>
      </c>
      <c r="F1197" s="11">
        <v>46934</v>
      </c>
    </row>
    <row r="1198" spans="1:6" ht="27.75" customHeight="1">
      <c r="A1198" s="14" t="s">
        <v>2355</v>
      </c>
      <c r="B1198" s="9" t="s">
        <v>2352</v>
      </c>
      <c r="C1198" s="10" t="s">
        <v>2179</v>
      </c>
      <c r="D1198" s="9" t="s">
        <v>2353</v>
      </c>
      <c r="E1198" s="9" t="s">
        <v>40</v>
      </c>
      <c r="F1198" s="11">
        <v>47664</v>
      </c>
    </row>
    <row r="1199" spans="1:6" ht="27.75" customHeight="1">
      <c r="A1199" s="14" t="s">
        <v>2356</v>
      </c>
      <c r="B1199" s="9" t="s">
        <v>2357</v>
      </c>
      <c r="C1199" s="10" t="s">
        <v>2179</v>
      </c>
      <c r="D1199" s="9" t="s">
        <v>2358</v>
      </c>
      <c r="E1199" s="9" t="s">
        <v>984</v>
      </c>
      <c r="F1199" s="11">
        <v>47422</v>
      </c>
    </row>
    <row r="1200" spans="1:6" ht="27.75" customHeight="1">
      <c r="A1200" s="14" t="s">
        <v>2359</v>
      </c>
      <c r="B1200" s="9" t="s">
        <v>2360</v>
      </c>
      <c r="C1200" s="10" t="s">
        <v>2179</v>
      </c>
      <c r="D1200" s="9" t="s">
        <v>2361</v>
      </c>
      <c r="E1200" s="9" t="s">
        <v>17</v>
      </c>
      <c r="F1200" s="11">
        <v>47422</v>
      </c>
    </row>
    <row r="1201" spans="1:6" ht="27.75" customHeight="1">
      <c r="A1201" s="14" t="s">
        <v>2362</v>
      </c>
      <c r="B1201" s="9" t="s">
        <v>2363</v>
      </c>
      <c r="C1201" s="10" t="s">
        <v>2179</v>
      </c>
      <c r="D1201" s="9" t="s">
        <v>2364</v>
      </c>
      <c r="E1201" s="9" t="s">
        <v>35</v>
      </c>
      <c r="F1201" s="11">
        <v>47422</v>
      </c>
    </row>
    <row r="1202" spans="1:6" ht="27.75" customHeight="1">
      <c r="A1202" s="12" t="s">
        <v>2365</v>
      </c>
      <c r="B1202" s="13" t="s">
        <v>2366</v>
      </c>
      <c r="C1202" s="10" t="s">
        <v>2179</v>
      </c>
      <c r="D1202" s="13" t="s">
        <v>2367</v>
      </c>
      <c r="E1202" s="13" t="s">
        <v>1767</v>
      </c>
      <c r="F1202" s="11">
        <v>47422</v>
      </c>
    </row>
    <row r="1203" spans="1:6" ht="27.75" customHeight="1">
      <c r="A1203" s="14" t="s">
        <v>2368</v>
      </c>
      <c r="B1203" s="9" t="s">
        <v>2369</v>
      </c>
      <c r="C1203" s="10" t="s">
        <v>2179</v>
      </c>
      <c r="D1203" s="9" t="s">
        <v>2370</v>
      </c>
      <c r="E1203" s="9" t="s">
        <v>11</v>
      </c>
      <c r="F1203" s="11">
        <v>47603</v>
      </c>
    </row>
    <row r="1204" spans="1:6" ht="27.75" customHeight="1">
      <c r="A1204" s="14" t="s">
        <v>2371</v>
      </c>
      <c r="B1204" s="9" t="s">
        <v>2369</v>
      </c>
      <c r="C1204" s="10" t="s">
        <v>2179</v>
      </c>
      <c r="D1204" s="9" t="s">
        <v>2370</v>
      </c>
      <c r="E1204" s="9" t="s">
        <v>228</v>
      </c>
      <c r="F1204" s="11">
        <v>47238</v>
      </c>
    </row>
    <row r="1205" spans="1:6" ht="27.75" customHeight="1">
      <c r="A1205" s="14" t="s">
        <v>2372</v>
      </c>
      <c r="B1205" s="9" t="s">
        <v>2369</v>
      </c>
      <c r="C1205" s="10" t="s">
        <v>2179</v>
      </c>
      <c r="D1205" s="9" t="s">
        <v>2370</v>
      </c>
      <c r="E1205" s="9" t="s">
        <v>11</v>
      </c>
      <c r="F1205" s="11">
        <v>47422</v>
      </c>
    </row>
    <row r="1206" spans="1:6" ht="27.75" customHeight="1">
      <c r="A1206" s="14" t="s">
        <v>2373</v>
      </c>
      <c r="B1206" s="9" t="s">
        <v>2369</v>
      </c>
      <c r="C1206" s="10" t="s">
        <v>2179</v>
      </c>
      <c r="D1206" s="9" t="s">
        <v>2370</v>
      </c>
      <c r="E1206" s="9" t="s">
        <v>11</v>
      </c>
      <c r="F1206" s="11">
        <v>47422</v>
      </c>
    </row>
    <row r="1207" spans="1:6" ht="27.75" customHeight="1">
      <c r="A1207" s="20" t="s">
        <v>2374</v>
      </c>
      <c r="B1207" s="9" t="s">
        <v>2369</v>
      </c>
      <c r="C1207" s="10" t="s">
        <v>2179</v>
      </c>
      <c r="D1207" s="9" t="s">
        <v>2370</v>
      </c>
      <c r="E1207" s="13" t="s">
        <v>11</v>
      </c>
      <c r="F1207" s="11">
        <v>46507</v>
      </c>
    </row>
    <row r="1208" spans="1:6" ht="27.75" customHeight="1">
      <c r="A1208" s="12" t="s">
        <v>2375</v>
      </c>
      <c r="B1208" s="13" t="s">
        <v>2369</v>
      </c>
      <c r="C1208" s="10" t="s">
        <v>2179</v>
      </c>
      <c r="D1208" s="13" t="s">
        <v>2370</v>
      </c>
      <c r="E1208" s="13" t="s">
        <v>11</v>
      </c>
      <c r="F1208" s="11">
        <v>47422</v>
      </c>
    </row>
    <row r="1209" spans="1:6" ht="27.75" customHeight="1">
      <c r="A1209" s="14" t="s">
        <v>2376</v>
      </c>
      <c r="B1209" s="9" t="s">
        <v>2369</v>
      </c>
      <c r="C1209" s="10" t="s">
        <v>2179</v>
      </c>
      <c r="D1209" s="9" t="s">
        <v>2370</v>
      </c>
      <c r="E1209" s="9" t="s">
        <v>11</v>
      </c>
      <c r="F1209" s="11">
        <v>47634</v>
      </c>
    </row>
    <row r="1210" spans="1:6" ht="27.75" customHeight="1">
      <c r="A1210" s="8" t="s">
        <v>2377</v>
      </c>
      <c r="B1210" s="13" t="s">
        <v>2369</v>
      </c>
      <c r="C1210" s="10" t="s">
        <v>2179</v>
      </c>
      <c r="D1210" s="13" t="s">
        <v>2370</v>
      </c>
      <c r="E1210" s="13" t="s">
        <v>11</v>
      </c>
      <c r="F1210" s="11">
        <v>47422</v>
      </c>
    </row>
    <row r="1211" spans="1:6" ht="27.75" customHeight="1">
      <c r="A1211" s="12" t="s">
        <v>2378</v>
      </c>
      <c r="B1211" s="13" t="s">
        <v>2369</v>
      </c>
      <c r="C1211" s="10" t="s">
        <v>2179</v>
      </c>
      <c r="D1211" s="13" t="s">
        <v>2370</v>
      </c>
      <c r="E1211" s="13" t="s">
        <v>253</v>
      </c>
      <c r="F1211" s="11">
        <v>47603</v>
      </c>
    </row>
    <row r="1212" spans="1:6" ht="27.75" customHeight="1">
      <c r="A1212" s="12" t="s">
        <v>2379</v>
      </c>
      <c r="B1212" s="13" t="s">
        <v>2380</v>
      </c>
      <c r="C1212" s="10" t="s">
        <v>2179</v>
      </c>
      <c r="D1212" s="13" t="s">
        <v>2381</v>
      </c>
      <c r="E1212" s="13" t="s">
        <v>86</v>
      </c>
      <c r="F1212" s="11">
        <v>47422</v>
      </c>
    </row>
    <row r="1213" spans="1:6" ht="27.75" customHeight="1">
      <c r="A1213" s="12" t="s">
        <v>2382</v>
      </c>
      <c r="B1213" s="13" t="s">
        <v>2383</v>
      </c>
      <c r="C1213" s="10" t="s">
        <v>2179</v>
      </c>
      <c r="D1213" s="13" t="s">
        <v>2384</v>
      </c>
      <c r="E1213" s="13" t="s">
        <v>369</v>
      </c>
      <c r="F1213" s="11">
        <v>47726</v>
      </c>
    </row>
    <row r="1214" spans="1:6" ht="27.75" customHeight="1">
      <c r="A1214" s="14" t="s">
        <v>2385</v>
      </c>
      <c r="B1214" s="9" t="s">
        <v>2386</v>
      </c>
      <c r="C1214" s="10" t="s">
        <v>2179</v>
      </c>
      <c r="D1214" s="9" t="s">
        <v>2387</v>
      </c>
      <c r="E1214" s="9" t="s">
        <v>44</v>
      </c>
      <c r="F1214" s="11">
        <v>47422</v>
      </c>
    </row>
    <row r="1215" spans="1:6" ht="27.75" customHeight="1">
      <c r="A1215" s="12" t="s">
        <v>2388</v>
      </c>
      <c r="B1215" s="13" t="s">
        <v>2389</v>
      </c>
      <c r="C1215" s="10" t="s">
        <v>2179</v>
      </c>
      <c r="D1215" s="13" t="s">
        <v>2390</v>
      </c>
      <c r="E1215" s="13" t="s">
        <v>398</v>
      </c>
      <c r="F1215" s="11">
        <v>47422</v>
      </c>
    </row>
    <row r="1216" spans="1:6" ht="27.75" customHeight="1">
      <c r="A1216" s="14" t="s">
        <v>2391</v>
      </c>
      <c r="B1216" s="9" t="s">
        <v>2389</v>
      </c>
      <c r="C1216" s="10" t="s">
        <v>2179</v>
      </c>
      <c r="D1216" s="9" t="s">
        <v>2390</v>
      </c>
      <c r="E1216" s="9" t="s">
        <v>398</v>
      </c>
      <c r="F1216" s="11">
        <v>47452</v>
      </c>
    </row>
    <row r="1217" spans="1:6" ht="27.75" customHeight="1">
      <c r="A1217" s="12" t="s">
        <v>2392</v>
      </c>
      <c r="B1217" s="13" t="s">
        <v>2389</v>
      </c>
      <c r="C1217" s="10" t="s">
        <v>2179</v>
      </c>
      <c r="D1217" s="13" t="s">
        <v>2390</v>
      </c>
      <c r="E1217" s="13" t="s">
        <v>398</v>
      </c>
      <c r="F1217" s="11">
        <v>47422</v>
      </c>
    </row>
    <row r="1218" spans="1:6" ht="27.75" customHeight="1">
      <c r="A1218" s="12" t="s">
        <v>2393</v>
      </c>
      <c r="B1218" s="13" t="s">
        <v>2394</v>
      </c>
      <c r="C1218" s="10" t="s">
        <v>2179</v>
      </c>
      <c r="D1218" s="13" t="s">
        <v>2395</v>
      </c>
      <c r="E1218" s="13" t="s">
        <v>21</v>
      </c>
      <c r="F1218" s="11">
        <v>47422</v>
      </c>
    </row>
    <row r="1219" spans="1:6" ht="27.75" customHeight="1">
      <c r="A1219" s="8" t="s">
        <v>2396</v>
      </c>
      <c r="B1219" s="9" t="s">
        <v>2397</v>
      </c>
      <c r="C1219" s="10" t="s">
        <v>2179</v>
      </c>
      <c r="D1219" s="9" t="s">
        <v>2398</v>
      </c>
      <c r="E1219" s="9" t="s">
        <v>823</v>
      </c>
      <c r="F1219" s="11">
        <v>47664</v>
      </c>
    </row>
    <row r="1220" spans="1:6" ht="27.75" customHeight="1">
      <c r="A1220" s="14" t="s">
        <v>2399</v>
      </c>
      <c r="B1220" s="9" t="s">
        <v>2400</v>
      </c>
      <c r="C1220" s="10" t="s">
        <v>2179</v>
      </c>
      <c r="D1220" s="9" t="s">
        <v>2401</v>
      </c>
      <c r="E1220" s="9" t="s">
        <v>196</v>
      </c>
      <c r="F1220" s="11">
        <v>47391</v>
      </c>
    </row>
    <row r="1221" spans="1:6" ht="27.75" customHeight="1">
      <c r="A1221" s="12" t="s">
        <v>2402</v>
      </c>
      <c r="B1221" s="13" t="s">
        <v>2403</v>
      </c>
      <c r="C1221" s="10" t="s">
        <v>2179</v>
      </c>
      <c r="D1221" s="13" t="s">
        <v>2404</v>
      </c>
      <c r="E1221" s="13" t="s">
        <v>2405</v>
      </c>
      <c r="F1221" s="11">
        <v>46538</v>
      </c>
    </row>
    <row r="1222" spans="1:6" ht="27.75" customHeight="1">
      <c r="A1222" s="8" t="s">
        <v>2406</v>
      </c>
      <c r="B1222" s="13" t="s">
        <v>2403</v>
      </c>
      <c r="C1222" s="10" t="s">
        <v>2179</v>
      </c>
      <c r="D1222" s="9" t="s">
        <v>2404</v>
      </c>
      <c r="E1222" s="13" t="s">
        <v>35</v>
      </c>
      <c r="F1222" s="11">
        <v>47422</v>
      </c>
    </row>
    <row r="1223" spans="1:6" ht="27.75" customHeight="1">
      <c r="A1223" s="8" t="s">
        <v>2407</v>
      </c>
      <c r="B1223" s="9" t="s">
        <v>2403</v>
      </c>
      <c r="C1223" s="10" t="s">
        <v>2179</v>
      </c>
      <c r="D1223" s="9" t="s">
        <v>2404</v>
      </c>
      <c r="E1223" s="9" t="s">
        <v>324</v>
      </c>
      <c r="F1223" s="11">
        <v>46173</v>
      </c>
    </row>
    <row r="1224" spans="1:6" ht="27.75" customHeight="1">
      <c r="A1224" s="12" t="s">
        <v>2408</v>
      </c>
      <c r="B1224" s="13" t="s">
        <v>2409</v>
      </c>
      <c r="C1224" s="10" t="s">
        <v>2179</v>
      </c>
      <c r="D1224" s="13" t="s">
        <v>2410</v>
      </c>
      <c r="E1224" s="13" t="s">
        <v>111</v>
      </c>
      <c r="F1224" s="11">
        <v>47452</v>
      </c>
    </row>
    <row r="1225" spans="1:6" ht="27.75" customHeight="1">
      <c r="A1225" s="8" t="s">
        <v>2411</v>
      </c>
      <c r="B1225" s="9" t="s">
        <v>2412</v>
      </c>
      <c r="C1225" s="10" t="s">
        <v>2179</v>
      </c>
      <c r="D1225" s="9" t="s">
        <v>2413</v>
      </c>
      <c r="E1225" s="9" t="s">
        <v>2414</v>
      </c>
      <c r="F1225" s="11">
        <v>46387</v>
      </c>
    </row>
    <row r="1226" spans="1:6" ht="27.75" customHeight="1">
      <c r="A1226" s="14" t="s">
        <v>2415</v>
      </c>
      <c r="B1226" s="9" t="s">
        <v>2416</v>
      </c>
      <c r="C1226" s="10" t="s">
        <v>2179</v>
      </c>
      <c r="D1226" s="9" t="s">
        <v>2417</v>
      </c>
      <c r="E1226" s="9" t="s">
        <v>1075</v>
      </c>
      <c r="F1226" s="11">
        <v>47422</v>
      </c>
    </row>
    <row r="1227" spans="1:6" ht="27.75" customHeight="1">
      <c r="A1227" s="14" t="s">
        <v>2418</v>
      </c>
      <c r="B1227" s="9" t="s">
        <v>2419</v>
      </c>
      <c r="C1227" s="10" t="s">
        <v>2179</v>
      </c>
      <c r="D1227" s="9" t="s">
        <v>2420</v>
      </c>
      <c r="E1227" s="9" t="s">
        <v>86</v>
      </c>
      <c r="F1227" s="11">
        <v>46356</v>
      </c>
    </row>
    <row r="1228" spans="1:6" ht="27.75" customHeight="1">
      <c r="A1228" s="8" t="s">
        <v>2421</v>
      </c>
      <c r="B1228" s="9" t="s">
        <v>2422</v>
      </c>
      <c r="C1228" s="10" t="s">
        <v>2179</v>
      </c>
      <c r="D1228" s="9" t="s">
        <v>2423</v>
      </c>
      <c r="E1228" s="9" t="s">
        <v>17</v>
      </c>
      <c r="F1228" s="11">
        <v>46691</v>
      </c>
    </row>
    <row r="1229" spans="1:6" ht="27.75" customHeight="1">
      <c r="A1229" s="14" t="s">
        <v>2424</v>
      </c>
      <c r="B1229" s="9" t="s">
        <v>2422</v>
      </c>
      <c r="C1229" s="10" t="s">
        <v>2179</v>
      </c>
      <c r="D1229" s="9" t="s">
        <v>2423</v>
      </c>
      <c r="E1229" s="9" t="s">
        <v>17</v>
      </c>
      <c r="F1229" s="11">
        <v>47422</v>
      </c>
    </row>
    <row r="1230" spans="1:6" ht="27.75" customHeight="1">
      <c r="A1230" s="8" t="s">
        <v>2425</v>
      </c>
      <c r="B1230" s="13" t="s">
        <v>2248</v>
      </c>
      <c r="C1230" s="10" t="s">
        <v>2179</v>
      </c>
      <c r="D1230" s="13" t="s">
        <v>2426</v>
      </c>
      <c r="E1230" s="13" t="s">
        <v>44</v>
      </c>
      <c r="F1230" s="11">
        <v>47422</v>
      </c>
    </row>
    <row r="1231" spans="1:6" ht="27.75" customHeight="1">
      <c r="A1231" s="17" t="s">
        <v>2427</v>
      </c>
      <c r="B1231" s="9" t="s">
        <v>2428</v>
      </c>
      <c r="C1231" s="10" t="s">
        <v>2179</v>
      </c>
      <c r="D1231" s="9" t="s">
        <v>2429</v>
      </c>
      <c r="E1231" s="9" t="s">
        <v>2430</v>
      </c>
      <c r="F1231" s="11">
        <v>47879</v>
      </c>
    </row>
    <row r="1232" spans="1:6" ht="27.75" customHeight="1">
      <c r="A1232" s="12" t="s">
        <v>2431</v>
      </c>
      <c r="B1232" s="13" t="s">
        <v>2428</v>
      </c>
      <c r="C1232" s="10" t="s">
        <v>2179</v>
      </c>
      <c r="D1232" s="13" t="s">
        <v>2429</v>
      </c>
      <c r="E1232" s="13" t="s">
        <v>21</v>
      </c>
      <c r="F1232" s="11">
        <v>47422</v>
      </c>
    </row>
    <row r="1233" spans="1:6" ht="27.75" customHeight="1">
      <c r="A1233" s="14" t="s">
        <v>2432</v>
      </c>
      <c r="B1233" s="13" t="s">
        <v>2433</v>
      </c>
      <c r="C1233" s="10" t="s">
        <v>2179</v>
      </c>
      <c r="D1233" s="9" t="s">
        <v>2434</v>
      </c>
      <c r="E1233" s="9" t="s">
        <v>40</v>
      </c>
      <c r="F1233" s="11">
        <v>47422</v>
      </c>
    </row>
    <row r="1234" spans="1:6" ht="27.75" customHeight="1">
      <c r="A1234" s="14" t="s">
        <v>2435</v>
      </c>
      <c r="B1234" s="13" t="s">
        <v>2436</v>
      </c>
      <c r="C1234" s="10" t="s">
        <v>2179</v>
      </c>
      <c r="D1234" s="9" t="s">
        <v>2437</v>
      </c>
      <c r="E1234" s="9" t="s">
        <v>228</v>
      </c>
      <c r="F1234" s="11">
        <v>47422</v>
      </c>
    </row>
    <row r="1235" spans="1:6" ht="27.75" customHeight="1">
      <c r="A1235" s="12" t="s">
        <v>2438</v>
      </c>
      <c r="B1235" s="13" t="s">
        <v>2439</v>
      </c>
      <c r="C1235" s="10" t="s">
        <v>2179</v>
      </c>
      <c r="D1235" s="13" t="s">
        <v>2440</v>
      </c>
      <c r="E1235" s="13" t="s">
        <v>25</v>
      </c>
      <c r="F1235" s="11">
        <v>47422</v>
      </c>
    </row>
    <row r="1236" spans="1:6" ht="27.75" customHeight="1">
      <c r="A1236" s="14" t="s">
        <v>2441</v>
      </c>
      <c r="B1236" s="13" t="s">
        <v>2442</v>
      </c>
      <c r="C1236" s="10" t="s">
        <v>2179</v>
      </c>
      <c r="D1236" s="9" t="s">
        <v>2443</v>
      </c>
      <c r="E1236" s="47" t="s">
        <v>90</v>
      </c>
      <c r="F1236" s="11">
        <v>47422</v>
      </c>
    </row>
    <row r="1237" spans="1:6" ht="27.75" customHeight="1">
      <c r="A1237" s="8" t="s">
        <v>2444</v>
      </c>
      <c r="B1237" s="9" t="s">
        <v>2445</v>
      </c>
      <c r="C1237" s="10" t="s">
        <v>2179</v>
      </c>
      <c r="D1237" s="9" t="s">
        <v>2446</v>
      </c>
      <c r="E1237" s="24" t="s">
        <v>21</v>
      </c>
      <c r="F1237" s="11">
        <v>47452</v>
      </c>
    </row>
    <row r="1238" spans="1:6" ht="27.75" customHeight="1">
      <c r="A1238" s="14" t="s">
        <v>2447</v>
      </c>
      <c r="B1238" s="13" t="s">
        <v>2448</v>
      </c>
      <c r="C1238" s="10" t="s">
        <v>2179</v>
      </c>
      <c r="D1238" s="9" t="s">
        <v>2449</v>
      </c>
      <c r="E1238" s="9" t="s">
        <v>253</v>
      </c>
      <c r="F1238" s="11">
        <v>47422</v>
      </c>
    </row>
    <row r="1239" spans="1:6" ht="27.75" customHeight="1">
      <c r="A1239" s="12" t="s">
        <v>2450</v>
      </c>
      <c r="B1239" s="13" t="s">
        <v>2448</v>
      </c>
      <c r="C1239" s="10" t="s">
        <v>2179</v>
      </c>
      <c r="D1239" s="13" t="s">
        <v>2449</v>
      </c>
      <c r="E1239" s="13" t="s">
        <v>253</v>
      </c>
      <c r="F1239" s="11">
        <v>47938</v>
      </c>
    </row>
    <row r="1240" spans="1:6" ht="27.75" customHeight="1">
      <c r="A1240" s="14" t="s">
        <v>2451</v>
      </c>
      <c r="B1240" s="13" t="s">
        <v>2448</v>
      </c>
      <c r="C1240" s="10" t="s">
        <v>2179</v>
      </c>
      <c r="D1240" s="9" t="s">
        <v>2449</v>
      </c>
      <c r="E1240" s="9" t="s">
        <v>274</v>
      </c>
      <c r="F1240" s="11">
        <v>46477</v>
      </c>
    </row>
    <row r="1241" spans="1:6" ht="27.75" customHeight="1">
      <c r="A1241" s="12" t="s">
        <v>2452</v>
      </c>
      <c r="B1241" s="13" t="s">
        <v>2448</v>
      </c>
      <c r="C1241" s="10" t="s">
        <v>2179</v>
      </c>
      <c r="D1241" s="13" t="s">
        <v>2449</v>
      </c>
      <c r="E1241" s="13" t="s">
        <v>253</v>
      </c>
      <c r="F1241" s="11">
        <v>47422</v>
      </c>
    </row>
    <row r="1242" spans="1:6" ht="27.75" customHeight="1">
      <c r="A1242" s="14" t="s">
        <v>2453</v>
      </c>
      <c r="B1242" s="9" t="s">
        <v>2448</v>
      </c>
      <c r="C1242" s="10" t="s">
        <v>2179</v>
      </c>
      <c r="D1242" s="9" t="s">
        <v>2449</v>
      </c>
      <c r="E1242" s="9" t="s">
        <v>274</v>
      </c>
      <c r="F1242" s="11">
        <v>46112</v>
      </c>
    </row>
    <row r="1243" spans="1:6" ht="27.75" customHeight="1">
      <c r="A1243" s="14" t="s">
        <v>2454</v>
      </c>
      <c r="B1243" s="13" t="s">
        <v>2448</v>
      </c>
      <c r="C1243" s="10" t="s">
        <v>2179</v>
      </c>
      <c r="D1243" s="9" t="s">
        <v>2449</v>
      </c>
      <c r="E1243" s="9" t="s">
        <v>253</v>
      </c>
      <c r="F1243" s="11">
        <v>46477</v>
      </c>
    </row>
    <row r="1244" spans="1:6" ht="27.75" customHeight="1">
      <c r="A1244" s="14" t="s">
        <v>2455</v>
      </c>
      <c r="B1244" s="13" t="s">
        <v>2448</v>
      </c>
      <c r="C1244" s="10" t="s">
        <v>2179</v>
      </c>
      <c r="D1244" s="9" t="s">
        <v>2449</v>
      </c>
      <c r="E1244" s="9" t="s">
        <v>253</v>
      </c>
      <c r="F1244" s="11">
        <v>47634</v>
      </c>
    </row>
    <row r="1245" spans="1:6" ht="27.75" customHeight="1">
      <c r="A1245" s="14" t="s">
        <v>2456</v>
      </c>
      <c r="B1245" s="9" t="s">
        <v>2448</v>
      </c>
      <c r="C1245" s="10" t="s">
        <v>2179</v>
      </c>
      <c r="D1245" s="9" t="s">
        <v>2449</v>
      </c>
      <c r="E1245" s="9" t="s">
        <v>253</v>
      </c>
      <c r="F1245" s="11">
        <v>47422</v>
      </c>
    </row>
    <row r="1246" spans="1:6" ht="27.75" customHeight="1">
      <c r="A1246" s="12" t="s">
        <v>2457</v>
      </c>
      <c r="B1246" s="13" t="s">
        <v>2448</v>
      </c>
      <c r="C1246" s="10" t="s">
        <v>2179</v>
      </c>
      <c r="D1246" s="13" t="s">
        <v>2449</v>
      </c>
      <c r="E1246" s="13" t="s">
        <v>253</v>
      </c>
      <c r="F1246" s="11">
        <v>47208</v>
      </c>
    </row>
    <row r="1247" spans="1:6" ht="27.75" customHeight="1">
      <c r="A1247" s="8" t="s">
        <v>2458</v>
      </c>
      <c r="B1247" s="13" t="s">
        <v>2448</v>
      </c>
      <c r="C1247" s="10" t="s">
        <v>2179</v>
      </c>
      <c r="D1247" s="13" t="s">
        <v>2449</v>
      </c>
      <c r="E1247" s="13" t="s">
        <v>274</v>
      </c>
      <c r="F1247" s="11">
        <v>46477</v>
      </c>
    </row>
    <row r="1248" spans="1:6" ht="27.75" customHeight="1">
      <c r="A1248" s="8" t="s">
        <v>2459</v>
      </c>
      <c r="B1248" s="13" t="s">
        <v>2460</v>
      </c>
      <c r="C1248" s="10" t="s">
        <v>2179</v>
      </c>
      <c r="D1248" s="13" t="s">
        <v>2461</v>
      </c>
      <c r="E1248" s="13" t="s">
        <v>25</v>
      </c>
      <c r="F1248" s="11">
        <v>47664</v>
      </c>
    </row>
    <row r="1249" spans="1:6" ht="27.75" customHeight="1">
      <c r="A1249" s="14" t="s">
        <v>2462</v>
      </c>
      <c r="B1249" s="13" t="s">
        <v>2463</v>
      </c>
      <c r="C1249" s="10" t="s">
        <v>2179</v>
      </c>
      <c r="D1249" s="9" t="s">
        <v>2464</v>
      </c>
      <c r="E1249" s="9" t="s">
        <v>21</v>
      </c>
      <c r="F1249" s="11">
        <v>47330</v>
      </c>
    </row>
    <row r="1250" spans="1:6" ht="27.75" customHeight="1">
      <c r="A1250" s="12" t="s">
        <v>2465</v>
      </c>
      <c r="B1250" s="13" t="s">
        <v>2466</v>
      </c>
      <c r="C1250" s="10" t="s">
        <v>2179</v>
      </c>
      <c r="D1250" s="18" t="s">
        <v>2467</v>
      </c>
      <c r="E1250" s="18" t="s">
        <v>393</v>
      </c>
      <c r="F1250" s="19">
        <v>47422</v>
      </c>
    </row>
    <row r="1251" spans="1:6" ht="27.75" customHeight="1">
      <c r="A1251" s="12" t="s">
        <v>2468</v>
      </c>
      <c r="B1251" s="13" t="s">
        <v>2469</v>
      </c>
      <c r="C1251" s="10" t="s">
        <v>2179</v>
      </c>
      <c r="D1251" s="13" t="s">
        <v>2470</v>
      </c>
      <c r="E1251" s="13" t="s">
        <v>21</v>
      </c>
      <c r="F1251" s="11">
        <v>47422</v>
      </c>
    </row>
    <row r="1252" spans="1:6" ht="27.75" customHeight="1">
      <c r="A1252" s="12" t="s">
        <v>2471</v>
      </c>
      <c r="B1252" s="13" t="s">
        <v>2469</v>
      </c>
      <c r="C1252" s="10" t="s">
        <v>2179</v>
      </c>
      <c r="D1252" s="13" t="s">
        <v>2470</v>
      </c>
      <c r="E1252" s="13" t="s">
        <v>21</v>
      </c>
      <c r="F1252" s="11">
        <v>46507</v>
      </c>
    </row>
    <row r="1253" spans="1:6" ht="27.75" customHeight="1">
      <c r="A1253" s="12" t="s">
        <v>2472</v>
      </c>
      <c r="B1253" s="13" t="s">
        <v>2469</v>
      </c>
      <c r="C1253" s="10" t="s">
        <v>2179</v>
      </c>
      <c r="D1253" s="13" t="s">
        <v>2470</v>
      </c>
      <c r="E1253" s="13" t="s">
        <v>274</v>
      </c>
      <c r="F1253" s="11">
        <v>47422</v>
      </c>
    </row>
    <row r="1254" spans="1:6" ht="27.75" customHeight="1">
      <c r="A1254" s="14" t="s">
        <v>2473</v>
      </c>
      <c r="B1254" s="13" t="s">
        <v>2474</v>
      </c>
      <c r="C1254" s="10" t="s">
        <v>2179</v>
      </c>
      <c r="D1254" s="9" t="s">
        <v>2475</v>
      </c>
      <c r="E1254" s="9" t="s">
        <v>44</v>
      </c>
      <c r="F1254" s="11">
        <v>47208</v>
      </c>
    </row>
    <row r="1255" spans="1:6" ht="27.75" customHeight="1">
      <c r="A1255" s="14" t="s">
        <v>2476</v>
      </c>
      <c r="B1255" s="13" t="s">
        <v>2474</v>
      </c>
      <c r="C1255" s="10" t="s">
        <v>2179</v>
      </c>
      <c r="D1255" s="9" t="s">
        <v>2475</v>
      </c>
      <c r="E1255" s="9" t="s">
        <v>274</v>
      </c>
      <c r="F1255" s="11">
        <v>47422</v>
      </c>
    </row>
    <row r="1256" spans="1:6" ht="27.75" customHeight="1">
      <c r="A1256" s="8" t="s">
        <v>2477</v>
      </c>
      <c r="B1256" s="18" t="s">
        <v>2474</v>
      </c>
      <c r="C1256" s="10" t="s">
        <v>2179</v>
      </c>
      <c r="D1256" s="18" t="s">
        <v>2475</v>
      </c>
      <c r="E1256" s="18" t="s">
        <v>40</v>
      </c>
      <c r="F1256" s="19">
        <v>47603</v>
      </c>
    </row>
    <row r="1257" spans="1:6" ht="27.75" customHeight="1">
      <c r="A1257" s="8" t="s">
        <v>2478</v>
      </c>
      <c r="B1257" s="13" t="s">
        <v>2474</v>
      </c>
      <c r="C1257" s="10" t="s">
        <v>2179</v>
      </c>
      <c r="D1257" s="13" t="s">
        <v>2475</v>
      </c>
      <c r="E1257" s="13" t="s">
        <v>21</v>
      </c>
      <c r="F1257" s="11">
        <v>46904</v>
      </c>
    </row>
    <row r="1258" spans="1:6" ht="27.75" customHeight="1">
      <c r="A1258" s="12" t="s">
        <v>2479</v>
      </c>
      <c r="B1258" s="13" t="s">
        <v>2474</v>
      </c>
      <c r="C1258" s="10" t="s">
        <v>2179</v>
      </c>
      <c r="D1258" s="13" t="s">
        <v>2475</v>
      </c>
      <c r="E1258" s="13" t="s">
        <v>40</v>
      </c>
      <c r="F1258" s="11">
        <v>46265</v>
      </c>
    </row>
    <row r="1259" spans="1:6" ht="27.75" customHeight="1">
      <c r="A1259" s="14" t="s">
        <v>2480</v>
      </c>
      <c r="B1259" s="13" t="s">
        <v>2474</v>
      </c>
      <c r="C1259" s="10" t="s">
        <v>2179</v>
      </c>
      <c r="D1259" s="13" t="s">
        <v>2475</v>
      </c>
      <c r="E1259" s="9" t="s">
        <v>424</v>
      </c>
      <c r="F1259" s="11">
        <v>47422</v>
      </c>
    </row>
    <row r="1260" spans="1:6" ht="27.75" customHeight="1">
      <c r="A1260" s="14" t="s">
        <v>2481</v>
      </c>
      <c r="B1260" s="13" t="s">
        <v>2474</v>
      </c>
      <c r="C1260" s="10" t="s">
        <v>2179</v>
      </c>
      <c r="D1260" s="13" t="s">
        <v>2475</v>
      </c>
      <c r="E1260" s="9" t="s">
        <v>40</v>
      </c>
      <c r="F1260" s="11">
        <v>47026</v>
      </c>
    </row>
    <row r="1261" spans="1:6" ht="27.75" customHeight="1">
      <c r="A1261" s="15" t="s">
        <v>2482</v>
      </c>
      <c r="B1261" s="13" t="s">
        <v>2474</v>
      </c>
      <c r="C1261" s="10" t="s">
        <v>2179</v>
      </c>
      <c r="D1261" s="9" t="s">
        <v>2475</v>
      </c>
      <c r="E1261" s="13" t="s">
        <v>17</v>
      </c>
      <c r="F1261" s="11">
        <v>47422</v>
      </c>
    </row>
    <row r="1262" spans="1:6" ht="27.75" customHeight="1">
      <c r="A1262" s="12" t="s">
        <v>2483</v>
      </c>
      <c r="B1262" s="13" t="s">
        <v>2474</v>
      </c>
      <c r="C1262" s="10" t="s">
        <v>2179</v>
      </c>
      <c r="D1262" s="13" t="s">
        <v>2475</v>
      </c>
      <c r="E1262" s="13" t="s">
        <v>424</v>
      </c>
      <c r="F1262" s="11">
        <v>47422</v>
      </c>
    </row>
    <row r="1263" spans="1:6" ht="27.75" customHeight="1">
      <c r="A1263" s="20" t="s">
        <v>2484</v>
      </c>
      <c r="B1263" s="13" t="s">
        <v>2474</v>
      </c>
      <c r="C1263" s="10" t="s">
        <v>2179</v>
      </c>
      <c r="D1263" s="13" t="s">
        <v>2475</v>
      </c>
      <c r="E1263" s="13" t="s">
        <v>40</v>
      </c>
      <c r="F1263" s="11">
        <v>47422</v>
      </c>
    </row>
    <row r="1264" spans="1:6" ht="27.75" customHeight="1">
      <c r="A1264" s="8" t="s">
        <v>2485</v>
      </c>
      <c r="B1264" s="13" t="s">
        <v>2474</v>
      </c>
      <c r="C1264" s="10" t="s">
        <v>2179</v>
      </c>
      <c r="D1264" s="13" t="s">
        <v>2475</v>
      </c>
      <c r="E1264" s="13" t="s">
        <v>21</v>
      </c>
      <c r="F1264" s="11">
        <v>46660</v>
      </c>
    </row>
    <row r="1265" spans="1:6" ht="27.75" customHeight="1">
      <c r="A1265" s="12" t="s">
        <v>2486</v>
      </c>
      <c r="B1265" s="13" t="s">
        <v>2474</v>
      </c>
      <c r="C1265" s="10" t="s">
        <v>2179</v>
      </c>
      <c r="D1265" s="13" t="s">
        <v>2475</v>
      </c>
      <c r="E1265" s="13" t="s">
        <v>44</v>
      </c>
      <c r="F1265" s="11">
        <v>47087</v>
      </c>
    </row>
    <row r="1266" spans="1:6" ht="27.75" customHeight="1">
      <c r="A1266" s="14" t="s">
        <v>2487</v>
      </c>
      <c r="B1266" s="9" t="s">
        <v>2474</v>
      </c>
      <c r="C1266" s="10" t="s">
        <v>2179</v>
      </c>
      <c r="D1266" s="9" t="s">
        <v>2475</v>
      </c>
      <c r="E1266" s="9" t="s">
        <v>17</v>
      </c>
      <c r="F1266" s="11">
        <v>47603</v>
      </c>
    </row>
    <row r="1267" spans="1:6" ht="27.75" customHeight="1">
      <c r="A1267" s="17" t="s">
        <v>2488</v>
      </c>
      <c r="B1267" s="9" t="s">
        <v>2474</v>
      </c>
      <c r="C1267" s="10" t="s">
        <v>2179</v>
      </c>
      <c r="D1267" s="9" t="s">
        <v>2475</v>
      </c>
      <c r="E1267" s="9" t="s">
        <v>44</v>
      </c>
      <c r="F1267" s="11">
        <v>46721</v>
      </c>
    </row>
    <row r="1268" spans="1:6" ht="27.75" customHeight="1">
      <c r="A1268" s="12" t="s">
        <v>2489</v>
      </c>
      <c r="B1268" s="13" t="s">
        <v>2474</v>
      </c>
      <c r="C1268" s="10" t="s">
        <v>2179</v>
      </c>
      <c r="D1268" s="13" t="s">
        <v>2475</v>
      </c>
      <c r="E1268" s="13" t="s">
        <v>115</v>
      </c>
      <c r="F1268" s="11">
        <v>47664</v>
      </c>
    </row>
    <row r="1269" spans="1:6" ht="27.75" customHeight="1">
      <c r="A1269" s="12" t="s">
        <v>2490</v>
      </c>
      <c r="B1269" s="13" t="s">
        <v>2491</v>
      </c>
      <c r="C1269" s="10" t="s">
        <v>2179</v>
      </c>
      <c r="D1269" s="13" t="s">
        <v>2492</v>
      </c>
      <c r="E1269" s="13" t="s">
        <v>1709</v>
      </c>
      <c r="F1269" s="11">
        <v>47422</v>
      </c>
    </row>
    <row r="1270" spans="1:6" ht="27.75" customHeight="1">
      <c r="A1270" s="12" t="s">
        <v>2493</v>
      </c>
      <c r="B1270" s="13" t="s">
        <v>2474</v>
      </c>
      <c r="C1270" s="10" t="s">
        <v>2179</v>
      </c>
      <c r="D1270" s="13" t="s">
        <v>2475</v>
      </c>
      <c r="E1270" s="13" t="s">
        <v>424</v>
      </c>
      <c r="F1270" s="11">
        <v>47664</v>
      </c>
    </row>
    <row r="1271" spans="1:6" ht="27.75" customHeight="1">
      <c r="A1271" s="14" t="s">
        <v>2494</v>
      </c>
      <c r="B1271" s="9" t="s">
        <v>2495</v>
      </c>
      <c r="C1271" s="10" t="s">
        <v>2179</v>
      </c>
      <c r="D1271" s="9" t="s">
        <v>2496</v>
      </c>
      <c r="E1271" s="9" t="s">
        <v>11</v>
      </c>
      <c r="F1271" s="11">
        <v>47422</v>
      </c>
    </row>
    <row r="1272" spans="1:6" ht="27.75" customHeight="1">
      <c r="A1272" s="14" t="s">
        <v>2497</v>
      </c>
      <c r="B1272" s="9" t="s">
        <v>2495</v>
      </c>
      <c r="C1272" s="10" t="s">
        <v>2179</v>
      </c>
      <c r="D1272" s="9" t="s">
        <v>2496</v>
      </c>
      <c r="E1272" s="9" t="s">
        <v>253</v>
      </c>
      <c r="F1272" s="11">
        <v>47238</v>
      </c>
    </row>
    <row r="1273" spans="1:6" ht="27.75" customHeight="1">
      <c r="A1273" s="12" t="s">
        <v>2498</v>
      </c>
      <c r="B1273" s="13" t="s">
        <v>2495</v>
      </c>
      <c r="C1273" s="10" t="s">
        <v>2179</v>
      </c>
      <c r="D1273" s="9" t="s">
        <v>2496</v>
      </c>
      <c r="E1273" s="13" t="s">
        <v>524</v>
      </c>
      <c r="F1273" s="11">
        <v>46904</v>
      </c>
    </row>
    <row r="1274" spans="1:6" ht="27.75" customHeight="1">
      <c r="A1274" s="12" t="s">
        <v>2499</v>
      </c>
      <c r="B1274" s="13" t="s">
        <v>2500</v>
      </c>
      <c r="C1274" s="10" t="s">
        <v>2179</v>
      </c>
      <c r="D1274" s="13" t="s">
        <v>2501</v>
      </c>
      <c r="E1274" s="13" t="s">
        <v>196</v>
      </c>
      <c r="F1274" s="11">
        <v>47422</v>
      </c>
    </row>
    <row r="1275" spans="1:6" ht="27.75" customHeight="1">
      <c r="A1275" s="12" t="s">
        <v>2502</v>
      </c>
      <c r="B1275" s="13" t="s">
        <v>2500</v>
      </c>
      <c r="C1275" s="10" t="s">
        <v>2179</v>
      </c>
      <c r="D1275" s="13" t="s">
        <v>2501</v>
      </c>
      <c r="E1275" s="13" t="s">
        <v>196</v>
      </c>
      <c r="F1275" s="11">
        <v>47422</v>
      </c>
    </row>
    <row r="1276" spans="1:6" ht="27.75" customHeight="1">
      <c r="A1276" s="12" t="s">
        <v>2503</v>
      </c>
      <c r="B1276" s="13" t="s">
        <v>2500</v>
      </c>
      <c r="C1276" s="10" t="s">
        <v>2179</v>
      </c>
      <c r="D1276" s="13" t="s">
        <v>2501</v>
      </c>
      <c r="E1276" s="13" t="s">
        <v>196</v>
      </c>
      <c r="F1276" s="11">
        <v>46568</v>
      </c>
    </row>
    <row r="1277" spans="1:6" ht="27.75" customHeight="1">
      <c r="A1277" s="14" t="s">
        <v>2504</v>
      </c>
      <c r="B1277" s="9" t="s">
        <v>2500</v>
      </c>
      <c r="C1277" s="10" t="s">
        <v>2179</v>
      </c>
      <c r="D1277" s="9" t="s">
        <v>2501</v>
      </c>
      <c r="E1277" s="9" t="s">
        <v>115</v>
      </c>
      <c r="F1277" s="11">
        <v>46568</v>
      </c>
    </row>
    <row r="1278" spans="1:6" ht="27.75" customHeight="1">
      <c r="A1278" s="12" t="s">
        <v>2505</v>
      </c>
      <c r="B1278" s="18" t="s">
        <v>2500</v>
      </c>
      <c r="C1278" s="10" t="s">
        <v>2179</v>
      </c>
      <c r="D1278" s="18" t="s">
        <v>2501</v>
      </c>
      <c r="E1278" s="18" t="s">
        <v>196</v>
      </c>
      <c r="F1278" s="19">
        <v>47483</v>
      </c>
    </row>
    <row r="1279" spans="1:6" ht="27.75" customHeight="1">
      <c r="A1279" s="12" t="s">
        <v>2506</v>
      </c>
      <c r="B1279" s="18" t="s">
        <v>2500</v>
      </c>
      <c r="C1279" s="10" t="s">
        <v>2179</v>
      </c>
      <c r="D1279" s="18" t="s">
        <v>2501</v>
      </c>
      <c r="E1279" s="18" t="s">
        <v>115</v>
      </c>
      <c r="F1279" s="19">
        <v>47391</v>
      </c>
    </row>
    <row r="1280" spans="1:6" ht="27.75" customHeight="1">
      <c r="A1280" s="14" t="s">
        <v>2507</v>
      </c>
      <c r="B1280" s="9" t="s">
        <v>2500</v>
      </c>
      <c r="C1280" s="10" t="s">
        <v>2179</v>
      </c>
      <c r="D1280" s="9" t="s">
        <v>2501</v>
      </c>
      <c r="E1280" s="9" t="s">
        <v>270</v>
      </c>
      <c r="F1280" s="11">
        <v>47422</v>
      </c>
    </row>
    <row r="1281" spans="1:6" ht="27.75" customHeight="1">
      <c r="A1281" s="14" t="s">
        <v>1493</v>
      </c>
      <c r="B1281" s="9" t="s">
        <v>2500</v>
      </c>
      <c r="C1281" s="10" t="s">
        <v>2179</v>
      </c>
      <c r="D1281" s="9" t="s">
        <v>2501</v>
      </c>
      <c r="E1281" s="9" t="s">
        <v>1374</v>
      </c>
      <c r="F1281" s="11">
        <v>47422</v>
      </c>
    </row>
    <row r="1282" spans="1:6" ht="27.75" customHeight="1">
      <c r="A1282" s="12" t="s">
        <v>2508</v>
      </c>
      <c r="B1282" s="13" t="s">
        <v>2509</v>
      </c>
      <c r="C1282" s="29" t="s">
        <v>2179</v>
      </c>
      <c r="D1282" s="13" t="s">
        <v>2510</v>
      </c>
      <c r="E1282" s="13" t="s">
        <v>21</v>
      </c>
      <c r="F1282" s="11">
        <v>47118</v>
      </c>
    </row>
    <row r="1283" spans="1:6" ht="27.75" customHeight="1">
      <c r="A1283" s="12" t="s">
        <v>2511</v>
      </c>
      <c r="B1283" s="9" t="s">
        <v>2512</v>
      </c>
      <c r="C1283" s="29" t="s">
        <v>2179</v>
      </c>
      <c r="D1283" s="13" t="s">
        <v>2513</v>
      </c>
      <c r="E1283" s="13" t="s">
        <v>196</v>
      </c>
      <c r="F1283" s="11">
        <v>47422</v>
      </c>
    </row>
    <row r="1284" spans="1:6" ht="27.75" customHeight="1">
      <c r="A1284" s="12" t="s">
        <v>2514</v>
      </c>
      <c r="B1284" s="18" t="s">
        <v>2515</v>
      </c>
      <c r="C1284" s="29" t="s">
        <v>2516</v>
      </c>
      <c r="D1284" s="18" t="s">
        <v>2517</v>
      </c>
      <c r="E1284" s="18" t="s">
        <v>40</v>
      </c>
      <c r="F1284" s="19">
        <v>47422</v>
      </c>
    </row>
    <row r="1285" spans="1:6" ht="27.75" customHeight="1">
      <c r="A1285" s="12" t="s">
        <v>2518</v>
      </c>
      <c r="B1285" s="13" t="s">
        <v>2519</v>
      </c>
      <c r="C1285" s="29" t="s">
        <v>2516</v>
      </c>
      <c r="D1285" s="13" t="s">
        <v>2520</v>
      </c>
      <c r="E1285" s="13" t="s">
        <v>44</v>
      </c>
      <c r="F1285" s="11">
        <v>47422</v>
      </c>
    </row>
    <row r="1286" spans="1:6" ht="27.75" customHeight="1">
      <c r="A1286" s="8" t="s">
        <v>2521</v>
      </c>
      <c r="B1286" s="24" t="s">
        <v>2522</v>
      </c>
      <c r="C1286" s="29" t="s">
        <v>2516</v>
      </c>
      <c r="D1286" s="9" t="s">
        <v>2523</v>
      </c>
      <c r="E1286" s="24" t="s">
        <v>21</v>
      </c>
      <c r="F1286" s="11">
        <v>47573</v>
      </c>
    </row>
    <row r="1287" spans="1:6" ht="27.75" customHeight="1">
      <c r="A1287" s="14" t="s">
        <v>2524</v>
      </c>
      <c r="B1287" s="9" t="s">
        <v>2525</v>
      </c>
      <c r="C1287" s="29" t="s">
        <v>2516</v>
      </c>
      <c r="D1287" s="9" t="s">
        <v>2526</v>
      </c>
      <c r="E1287" s="9" t="s">
        <v>86</v>
      </c>
      <c r="F1287" s="11">
        <v>47422</v>
      </c>
    </row>
    <row r="1288" spans="1:6" ht="27.75" customHeight="1">
      <c r="A1288" s="8" t="s">
        <v>2527</v>
      </c>
      <c r="B1288" s="13" t="s">
        <v>2528</v>
      </c>
      <c r="C1288" s="29" t="s">
        <v>2516</v>
      </c>
      <c r="D1288" s="13" t="s">
        <v>2529</v>
      </c>
      <c r="E1288" s="13" t="s">
        <v>40</v>
      </c>
      <c r="F1288" s="11">
        <v>47483</v>
      </c>
    </row>
    <row r="1289" spans="1:6" ht="27.75" customHeight="1">
      <c r="A1289" s="14" t="s">
        <v>2530</v>
      </c>
      <c r="B1289" s="9" t="s">
        <v>2531</v>
      </c>
      <c r="C1289" s="29" t="s">
        <v>2516</v>
      </c>
      <c r="D1289" s="9" t="s">
        <v>2532</v>
      </c>
      <c r="E1289" s="9" t="s">
        <v>502</v>
      </c>
      <c r="F1289" s="11">
        <v>47422</v>
      </c>
    </row>
    <row r="1290" spans="1:6" ht="27.75" customHeight="1">
      <c r="A1290" s="14" t="s">
        <v>2533</v>
      </c>
      <c r="B1290" s="9" t="s">
        <v>2534</v>
      </c>
      <c r="C1290" s="29" t="s">
        <v>2516</v>
      </c>
      <c r="D1290" s="9" t="s">
        <v>2535</v>
      </c>
      <c r="E1290" s="9" t="s">
        <v>398</v>
      </c>
      <c r="F1290" s="11">
        <v>46904</v>
      </c>
    </row>
    <row r="1291" spans="1:6" ht="27.75" customHeight="1">
      <c r="A1291" s="14" t="s">
        <v>2536</v>
      </c>
      <c r="B1291" s="9" t="s">
        <v>2537</v>
      </c>
      <c r="C1291" s="29" t="s">
        <v>2516</v>
      </c>
      <c r="D1291" s="9" t="s">
        <v>2538</v>
      </c>
      <c r="E1291" s="9" t="s">
        <v>17</v>
      </c>
      <c r="F1291" s="11">
        <v>47422</v>
      </c>
    </row>
    <row r="1292" spans="1:6" ht="27.75" customHeight="1">
      <c r="A1292" s="12" t="s">
        <v>2539</v>
      </c>
      <c r="B1292" s="18" t="s">
        <v>2537</v>
      </c>
      <c r="C1292" s="29" t="s">
        <v>2516</v>
      </c>
      <c r="D1292" s="18" t="s">
        <v>2538</v>
      </c>
      <c r="E1292" s="18" t="s">
        <v>40</v>
      </c>
      <c r="F1292" s="19">
        <v>46873</v>
      </c>
    </row>
    <row r="1293" spans="1:6" ht="27.75" customHeight="1">
      <c r="A1293" s="8" t="s">
        <v>2540</v>
      </c>
      <c r="B1293" s="9" t="s">
        <v>2537</v>
      </c>
      <c r="C1293" s="29" t="s">
        <v>2516</v>
      </c>
      <c r="D1293" s="9" t="s">
        <v>2538</v>
      </c>
      <c r="E1293" s="9" t="s">
        <v>111</v>
      </c>
      <c r="F1293" s="11">
        <v>47422</v>
      </c>
    </row>
    <row r="1294" spans="1:6" ht="27.75" customHeight="1">
      <c r="A1294" s="12" t="s">
        <v>2541</v>
      </c>
      <c r="B1294" s="13" t="s">
        <v>2537</v>
      </c>
      <c r="C1294" s="29" t="s">
        <v>2516</v>
      </c>
      <c r="D1294" s="13" t="s">
        <v>2538</v>
      </c>
      <c r="E1294" s="13" t="s">
        <v>17</v>
      </c>
      <c r="F1294" s="11">
        <v>47422</v>
      </c>
    </row>
    <row r="1295" spans="1:6" ht="27.75" customHeight="1">
      <c r="A1295" s="12" t="s">
        <v>2542</v>
      </c>
      <c r="B1295" s="18" t="s">
        <v>2537</v>
      </c>
      <c r="C1295" s="29" t="s">
        <v>2516</v>
      </c>
      <c r="D1295" s="18" t="s">
        <v>2538</v>
      </c>
      <c r="E1295" s="18" t="s">
        <v>196</v>
      </c>
      <c r="F1295" s="19">
        <v>46904</v>
      </c>
    </row>
    <row r="1296" spans="1:6" ht="27.75" customHeight="1">
      <c r="A1296" s="14" t="s">
        <v>2543</v>
      </c>
      <c r="B1296" s="9" t="s">
        <v>2537</v>
      </c>
      <c r="C1296" s="29" t="s">
        <v>2516</v>
      </c>
      <c r="D1296" s="9" t="s">
        <v>2538</v>
      </c>
      <c r="E1296" s="9" t="s">
        <v>2544</v>
      </c>
      <c r="F1296" s="11">
        <v>47422</v>
      </c>
    </row>
    <row r="1297" spans="1:6" ht="27.75" customHeight="1">
      <c r="A1297" s="8" t="s">
        <v>2545</v>
      </c>
      <c r="B1297" s="24" t="s">
        <v>2537</v>
      </c>
      <c r="C1297" s="29" t="s">
        <v>2516</v>
      </c>
      <c r="D1297" s="9" t="s">
        <v>2538</v>
      </c>
      <c r="E1297" s="24" t="s">
        <v>17</v>
      </c>
      <c r="F1297" s="11">
        <v>47422</v>
      </c>
    </row>
    <row r="1298" spans="1:6" ht="27.75" customHeight="1">
      <c r="A1298" s="14" t="s">
        <v>2546</v>
      </c>
      <c r="B1298" s="9" t="s">
        <v>2537</v>
      </c>
      <c r="C1298" s="29" t="s">
        <v>2516</v>
      </c>
      <c r="D1298" s="9" t="s">
        <v>2538</v>
      </c>
      <c r="E1298" s="9" t="s">
        <v>111</v>
      </c>
      <c r="F1298" s="11">
        <v>47422</v>
      </c>
    </row>
    <row r="1299" spans="1:6" ht="27.75" customHeight="1">
      <c r="A1299" s="12" t="s">
        <v>2547</v>
      </c>
      <c r="B1299" s="13" t="s">
        <v>2537</v>
      </c>
      <c r="C1299" s="29" t="s">
        <v>2516</v>
      </c>
      <c r="D1299" s="13" t="s">
        <v>2538</v>
      </c>
      <c r="E1299" s="13" t="s">
        <v>17</v>
      </c>
      <c r="F1299" s="11">
        <v>47422</v>
      </c>
    </row>
    <row r="1300" spans="1:6" ht="27.75" customHeight="1">
      <c r="A1300" s="14" t="s">
        <v>2548</v>
      </c>
      <c r="B1300" s="9" t="s">
        <v>2537</v>
      </c>
      <c r="C1300" s="29" t="s">
        <v>2516</v>
      </c>
      <c r="D1300" s="9" t="s">
        <v>2538</v>
      </c>
      <c r="E1300" s="9" t="s">
        <v>524</v>
      </c>
      <c r="F1300" s="11">
        <v>47269</v>
      </c>
    </row>
    <row r="1301" spans="1:6" ht="27.75" customHeight="1">
      <c r="A1301" s="14" t="s">
        <v>2549</v>
      </c>
      <c r="B1301" s="9" t="s">
        <v>2537</v>
      </c>
      <c r="C1301" s="29" t="s">
        <v>2516</v>
      </c>
      <c r="D1301" s="9" t="s">
        <v>2538</v>
      </c>
      <c r="E1301" s="9" t="s">
        <v>111</v>
      </c>
      <c r="F1301" s="11">
        <v>47422</v>
      </c>
    </row>
    <row r="1302" spans="1:6" ht="27.75" customHeight="1">
      <c r="A1302" s="12" t="s">
        <v>2550</v>
      </c>
      <c r="B1302" s="13" t="s">
        <v>2537</v>
      </c>
      <c r="C1302" s="29" t="s">
        <v>2516</v>
      </c>
      <c r="D1302" s="13" t="s">
        <v>2538</v>
      </c>
      <c r="E1302" s="13" t="s">
        <v>17</v>
      </c>
      <c r="F1302" s="11">
        <v>47422</v>
      </c>
    </row>
    <row r="1303" spans="1:6" ht="27.75" customHeight="1">
      <c r="A1303" s="17" t="s">
        <v>2551</v>
      </c>
      <c r="B1303" s="9" t="s">
        <v>2537</v>
      </c>
      <c r="C1303" s="29" t="s">
        <v>2516</v>
      </c>
      <c r="D1303" s="9" t="s">
        <v>2538</v>
      </c>
      <c r="E1303" s="26" t="s">
        <v>228</v>
      </c>
      <c r="F1303" s="11">
        <v>46418</v>
      </c>
    </row>
    <row r="1304" spans="1:6" ht="27.75" customHeight="1">
      <c r="A1304" s="8" t="s">
        <v>2552</v>
      </c>
      <c r="B1304" s="24" t="s">
        <v>2537</v>
      </c>
      <c r="C1304" s="29" t="s">
        <v>2516</v>
      </c>
      <c r="D1304" s="9" t="s">
        <v>2553</v>
      </c>
      <c r="E1304" s="9" t="s">
        <v>1374</v>
      </c>
      <c r="F1304" s="11">
        <v>46418</v>
      </c>
    </row>
    <row r="1305" spans="1:6" ht="27.75" customHeight="1">
      <c r="A1305" s="8" t="s">
        <v>2554</v>
      </c>
      <c r="B1305" s="9" t="s">
        <v>2555</v>
      </c>
      <c r="C1305" s="29" t="s">
        <v>2516</v>
      </c>
      <c r="D1305" s="9" t="s">
        <v>2553</v>
      </c>
      <c r="E1305" s="9" t="s">
        <v>63</v>
      </c>
      <c r="F1305" s="11">
        <v>47422</v>
      </c>
    </row>
    <row r="1306" spans="1:6" ht="27.75" customHeight="1">
      <c r="A1306" s="14" t="s">
        <v>2556</v>
      </c>
      <c r="B1306" s="9" t="s">
        <v>2557</v>
      </c>
      <c r="C1306" s="29" t="s">
        <v>2516</v>
      </c>
      <c r="D1306" s="13" t="s">
        <v>2558</v>
      </c>
      <c r="E1306" s="13" t="s">
        <v>393</v>
      </c>
      <c r="F1306" s="11">
        <v>46873</v>
      </c>
    </row>
    <row r="1307" spans="1:6" ht="27.75" customHeight="1">
      <c r="A1307" s="17" t="s">
        <v>2559</v>
      </c>
      <c r="B1307" s="9" t="s">
        <v>2560</v>
      </c>
      <c r="C1307" s="29" t="s">
        <v>2516</v>
      </c>
      <c r="D1307" s="9" t="s">
        <v>2561</v>
      </c>
      <c r="E1307" s="9" t="s">
        <v>17</v>
      </c>
      <c r="F1307" s="11">
        <v>47422</v>
      </c>
    </row>
    <row r="1308" spans="1:6" ht="27.75" customHeight="1">
      <c r="A1308" s="14" t="s">
        <v>2562</v>
      </c>
      <c r="B1308" s="9" t="s">
        <v>2563</v>
      </c>
      <c r="C1308" s="29" t="s">
        <v>2516</v>
      </c>
      <c r="D1308" s="9" t="s">
        <v>2564</v>
      </c>
      <c r="E1308" s="9" t="s">
        <v>63</v>
      </c>
      <c r="F1308" s="11">
        <v>47422</v>
      </c>
    </row>
    <row r="1309" spans="1:6" ht="27.75" customHeight="1">
      <c r="A1309" s="14" t="s">
        <v>2565</v>
      </c>
      <c r="B1309" s="9" t="s">
        <v>2566</v>
      </c>
      <c r="C1309" s="29" t="s">
        <v>2516</v>
      </c>
      <c r="D1309" s="9" t="s">
        <v>2567</v>
      </c>
      <c r="E1309" s="9" t="s">
        <v>101</v>
      </c>
      <c r="F1309" s="11">
        <v>46843</v>
      </c>
    </row>
    <row r="1310" spans="1:6" ht="27.75" customHeight="1">
      <c r="A1310" s="12" t="s">
        <v>2568</v>
      </c>
      <c r="B1310" s="13" t="s">
        <v>2569</v>
      </c>
      <c r="C1310" s="29" t="s">
        <v>2516</v>
      </c>
      <c r="D1310" s="13" t="s">
        <v>2570</v>
      </c>
      <c r="E1310" s="13" t="s">
        <v>21</v>
      </c>
      <c r="F1310" s="11">
        <v>47664</v>
      </c>
    </row>
    <row r="1311" spans="1:6" ht="27.75" customHeight="1">
      <c r="A1311" s="14" t="s">
        <v>2571</v>
      </c>
      <c r="B1311" s="9" t="s">
        <v>2569</v>
      </c>
      <c r="C1311" s="29" t="s">
        <v>2516</v>
      </c>
      <c r="D1311" s="9" t="s">
        <v>2570</v>
      </c>
      <c r="E1311" s="9" t="s">
        <v>44</v>
      </c>
      <c r="F1311" s="11">
        <v>46965</v>
      </c>
    </row>
    <row r="1312" spans="1:6" ht="27.75" customHeight="1">
      <c r="A1312" s="12" t="s">
        <v>2572</v>
      </c>
      <c r="B1312" s="18" t="s">
        <v>2569</v>
      </c>
      <c r="C1312" s="29" t="s">
        <v>2516</v>
      </c>
      <c r="D1312" s="18" t="s">
        <v>2573</v>
      </c>
      <c r="E1312" s="18" t="s">
        <v>86</v>
      </c>
      <c r="F1312" s="19">
        <v>47422</v>
      </c>
    </row>
    <row r="1313" spans="1:6" ht="27.75" customHeight="1">
      <c r="A1313" s="12" t="s">
        <v>2574</v>
      </c>
      <c r="B1313" s="13" t="s">
        <v>2575</v>
      </c>
      <c r="C1313" s="29" t="s">
        <v>2516</v>
      </c>
      <c r="D1313" s="13" t="s">
        <v>2576</v>
      </c>
      <c r="E1313" s="13" t="s">
        <v>393</v>
      </c>
      <c r="F1313" s="11">
        <v>47787</v>
      </c>
    </row>
    <row r="1314" spans="1:6" ht="27.75" customHeight="1">
      <c r="A1314" s="14" t="s">
        <v>2577</v>
      </c>
      <c r="B1314" s="9" t="s">
        <v>2578</v>
      </c>
      <c r="C1314" s="29" t="s">
        <v>2516</v>
      </c>
      <c r="D1314" s="9" t="s">
        <v>2576</v>
      </c>
      <c r="E1314" s="9" t="s">
        <v>823</v>
      </c>
      <c r="F1314" s="11">
        <v>47208</v>
      </c>
    </row>
    <row r="1315" spans="1:6" ht="27.75" customHeight="1">
      <c r="A1315" s="12" t="s">
        <v>2579</v>
      </c>
      <c r="B1315" s="18" t="s">
        <v>2578</v>
      </c>
      <c r="C1315" s="29" t="s">
        <v>2516</v>
      </c>
      <c r="D1315" s="18" t="s">
        <v>2576</v>
      </c>
      <c r="E1315" s="18" t="s">
        <v>1167</v>
      </c>
      <c r="F1315" s="19">
        <v>47422</v>
      </c>
    </row>
    <row r="1316" spans="1:6" ht="27.75" customHeight="1">
      <c r="A1316" s="14" t="s">
        <v>2580</v>
      </c>
      <c r="B1316" s="9" t="s">
        <v>2578</v>
      </c>
      <c r="C1316" s="29" t="s">
        <v>2516</v>
      </c>
      <c r="D1316" s="9" t="s">
        <v>2576</v>
      </c>
      <c r="E1316" s="9" t="s">
        <v>347</v>
      </c>
      <c r="F1316" s="11">
        <v>46568</v>
      </c>
    </row>
    <row r="1317" spans="1:6" ht="27.75" customHeight="1">
      <c r="A1317" s="14" t="s">
        <v>2581</v>
      </c>
      <c r="B1317" s="9" t="s">
        <v>2578</v>
      </c>
      <c r="C1317" s="29" t="s">
        <v>2516</v>
      </c>
      <c r="D1317" s="9" t="s">
        <v>2576</v>
      </c>
      <c r="E1317" s="9" t="s">
        <v>2582</v>
      </c>
      <c r="F1317" s="11">
        <v>47391</v>
      </c>
    </row>
    <row r="1318" spans="1:6" ht="27.75" customHeight="1">
      <c r="A1318" s="14" t="s">
        <v>2583</v>
      </c>
      <c r="B1318" s="9" t="s">
        <v>2578</v>
      </c>
      <c r="C1318" s="29" t="s">
        <v>2516</v>
      </c>
      <c r="D1318" s="9" t="s">
        <v>2576</v>
      </c>
      <c r="E1318" s="9" t="s">
        <v>11</v>
      </c>
      <c r="F1318" s="11">
        <v>47817</v>
      </c>
    </row>
    <row r="1319" spans="1:6" ht="27.75" customHeight="1">
      <c r="A1319" s="12" t="s">
        <v>2584</v>
      </c>
      <c r="B1319" s="13" t="s">
        <v>2578</v>
      </c>
      <c r="C1319" s="29" t="s">
        <v>2516</v>
      </c>
      <c r="D1319" s="13" t="s">
        <v>2576</v>
      </c>
      <c r="E1319" s="13" t="s">
        <v>228</v>
      </c>
      <c r="F1319" s="11">
        <v>47422</v>
      </c>
    </row>
    <row r="1320" spans="1:6" ht="27.75" customHeight="1">
      <c r="A1320" s="12" t="s">
        <v>2585</v>
      </c>
      <c r="B1320" s="13" t="s">
        <v>2586</v>
      </c>
      <c r="C1320" s="29" t="s">
        <v>2516</v>
      </c>
      <c r="D1320" s="13" t="s">
        <v>2587</v>
      </c>
      <c r="E1320" s="13" t="s">
        <v>17</v>
      </c>
      <c r="F1320" s="11">
        <v>47514</v>
      </c>
    </row>
    <row r="1321" spans="1:6" ht="27.75" customHeight="1">
      <c r="A1321" s="17" t="s">
        <v>2588</v>
      </c>
      <c r="B1321" s="13" t="s">
        <v>2589</v>
      </c>
      <c r="C1321" s="29" t="s">
        <v>2516</v>
      </c>
      <c r="D1321" s="9" t="s">
        <v>2590</v>
      </c>
      <c r="E1321" s="9" t="s">
        <v>17</v>
      </c>
      <c r="F1321" s="11">
        <v>47026</v>
      </c>
    </row>
    <row r="1322" spans="1:6" ht="27.75" customHeight="1">
      <c r="A1322" s="14" t="s">
        <v>2591</v>
      </c>
      <c r="B1322" s="9" t="s">
        <v>2592</v>
      </c>
      <c r="C1322" s="29" t="s">
        <v>2516</v>
      </c>
      <c r="D1322" s="9" t="s">
        <v>2593</v>
      </c>
      <c r="E1322" s="9" t="s">
        <v>21</v>
      </c>
      <c r="F1322" s="11">
        <v>47422</v>
      </c>
    </row>
    <row r="1323" spans="1:6" ht="27.75" customHeight="1">
      <c r="A1323" s="12" t="s">
        <v>2594</v>
      </c>
      <c r="B1323" s="13" t="s">
        <v>2595</v>
      </c>
      <c r="C1323" s="29" t="s">
        <v>2516</v>
      </c>
      <c r="D1323" s="13" t="s">
        <v>2596</v>
      </c>
      <c r="E1323" s="13" t="s">
        <v>2597</v>
      </c>
      <c r="F1323" s="11">
        <v>47422</v>
      </c>
    </row>
    <row r="1324" spans="1:6" ht="27.75" customHeight="1">
      <c r="A1324" s="14" t="s">
        <v>2598</v>
      </c>
      <c r="B1324" s="9" t="s">
        <v>2599</v>
      </c>
      <c r="C1324" s="29" t="s">
        <v>2516</v>
      </c>
      <c r="D1324" s="9" t="s">
        <v>2600</v>
      </c>
      <c r="E1324" s="9" t="s">
        <v>17</v>
      </c>
      <c r="F1324" s="11">
        <v>47422</v>
      </c>
    </row>
    <row r="1325" spans="1:6" ht="27.75" customHeight="1">
      <c r="A1325" s="12" t="s">
        <v>2601</v>
      </c>
      <c r="B1325" s="13" t="s">
        <v>2602</v>
      </c>
      <c r="C1325" s="29" t="s">
        <v>2516</v>
      </c>
      <c r="D1325" s="13" t="s">
        <v>2603</v>
      </c>
      <c r="E1325" s="13" t="s">
        <v>75</v>
      </c>
      <c r="F1325" s="11">
        <v>47422</v>
      </c>
    </row>
    <row r="1326" spans="1:6" ht="27.75" customHeight="1">
      <c r="A1326" s="14" t="s">
        <v>2604</v>
      </c>
      <c r="B1326" s="9" t="s">
        <v>2602</v>
      </c>
      <c r="C1326" s="29" t="s">
        <v>2516</v>
      </c>
      <c r="D1326" s="9" t="s">
        <v>2603</v>
      </c>
      <c r="E1326" s="9" t="s">
        <v>75</v>
      </c>
      <c r="F1326" s="11">
        <v>47422</v>
      </c>
    </row>
    <row r="1327" spans="1:6" ht="27.75" customHeight="1">
      <c r="A1327" s="8" t="s">
        <v>2605</v>
      </c>
      <c r="B1327" s="13" t="s">
        <v>2606</v>
      </c>
      <c r="C1327" s="29" t="s">
        <v>2516</v>
      </c>
      <c r="D1327" s="13" t="s">
        <v>2607</v>
      </c>
      <c r="E1327" s="13" t="s">
        <v>11</v>
      </c>
      <c r="F1327" s="11">
        <v>47422</v>
      </c>
    </row>
    <row r="1328" spans="1:6" ht="27.75" customHeight="1">
      <c r="A1328" s="8" t="s">
        <v>2608</v>
      </c>
      <c r="B1328" s="13" t="s">
        <v>2609</v>
      </c>
      <c r="C1328" s="29" t="s">
        <v>2516</v>
      </c>
      <c r="D1328" s="9" t="s">
        <v>2610</v>
      </c>
      <c r="E1328" s="9" t="s">
        <v>369</v>
      </c>
      <c r="F1328" s="11">
        <v>47514</v>
      </c>
    </row>
    <row r="1329" spans="1:6" ht="27.75" customHeight="1">
      <c r="A1329" s="12" t="s">
        <v>2611</v>
      </c>
      <c r="B1329" s="13" t="s">
        <v>2612</v>
      </c>
      <c r="C1329" s="29" t="s">
        <v>2516</v>
      </c>
      <c r="D1329" s="13" t="s">
        <v>2613</v>
      </c>
      <c r="E1329" s="13" t="s">
        <v>63</v>
      </c>
      <c r="F1329" s="11">
        <v>46446</v>
      </c>
    </row>
    <row r="1330" spans="1:6" ht="27.75" customHeight="1">
      <c r="A1330" s="12" t="s">
        <v>2614</v>
      </c>
      <c r="B1330" s="13" t="s">
        <v>2615</v>
      </c>
      <c r="C1330" s="29" t="s">
        <v>2516</v>
      </c>
      <c r="D1330" s="13" t="s">
        <v>2616</v>
      </c>
      <c r="E1330" s="13" t="s">
        <v>253</v>
      </c>
      <c r="F1330" s="11">
        <v>47695</v>
      </c>
    </row>
    <row r="1331" spans="1:6" ht="27.75" customHeight="1">
      <c r="A1331" s="8" t="s">
        <v>2617</v>
      </c>
      <c r="B1331" s="13" t="s">
        <v>2618</v>
      </c>
      <c r="C1331" s="29" t="s">
        <v>2516</v>
      </c>
      <c r="D1331" s="13" t="s">
        <v>2619</v>
      </c>
      <c r="E1331" s="13" t="s">
        <v>21</v>
      </c>
      <c r="F1331" s="11">
        <v>47452</v>
      </c>
    </row>
    <row r="1332" spans="1:6" ht="27.75" customHeight="1">
      <c r="A1332" s="12" t="s">
        <v>2620</v>
      </c>
      <c r="B1332" s="13" t="s">
        <v>2621</v>
      </c>
      <c r="C1332" s="29" t="s">
        <v>2516</v>
      </c>
      <c r="D1332" s="13" t="s">
        <v>2622</v>
      </c>
      <c r="E1332" s="13" t="s">
        <v>659</v>
      </c>
      <c r="F1332" s="11">
        <v>47817</v>
      </c>
    </row>
    <row r="1333" spans="1:6" ht="27.75" customHeight="1">
      <c r="A1333" s="12" t="s">
        <v>2623</v>
      </c>
      <c r="B1333" s="13" t="s">
        <v>2621</v>
      </c>
      <c r="C1333" s="29" t="s">
        <v>2516</v>
      </c>
      <c r="D1333" s="13" t="s">
        <v>2622</v>
      </c>
      <c r="E1333" s="13" t="s">
        <v>2624</v>
      </c>
      <c r="F1333" s="11">
        <v>47299</v>
      </c>
    </row>
    <row r="1334" spans="1:6" ht="27.75" customHeight="1">
      <c r="A1334" s="12" t="s">
        <v>2625</v>
      </c>
      <c r="B1334" s="13" t="s">
        <v>2626</v>
      </c>
      <c r="C1334" s="29" t="s">
        <v>2516</v>
      </c>
      <c r="D1334" s="13" t="s">
        <v>2627</v>
      </c>
      <c r="E1334" s="13" t="s">
        <v>40</v>
      </c>
      <c r="F1334" s="11">
        <v>47422</v>
      </c>
    </row>
    <row r="1335" spans="1:6" ht="27.75" customHeight="1">
      <c r="A1335" s="20" t="s">
        <v>2628</v>
      </c>
      <c r="B1335" s="13" t="s">
        <v>2629</v>
      </c>
      <c r="C1335" s="29" t="s">
        <v>2516</v>
      </c>
      <c r="D1335" s="13" t="s">
        <v>2630</v>
      </c>
      <c r="E1335" s="13" t="s">
        <v>21</v>
      </c>
      <c r="F1335" s="11">
        <v>47269</v>
      </c>
    </row>
    <row r="1336" spans="1:6" ht="27.75" customHeight="1">
      <c r="A1336" s="14" t="s">
        <v>2631</v>
      </c>
      <c r="B1336" s="9" t="s">
        <v>2632</v>
      </c>
      <c r="C1336" s="29" t="s">
        <v>2516</v>
      </c>
      <c r="D1336" s="9" t="s">
        <v>2633</v>
      </c>
      <c r="E1336" s="9" t="s">
        <v>17</v>
      </c>
      <c r="F1336" s="11">
        <v>47422</v>
      </c>
    </row>
    <row r="1337" spans="1:6" ht="27.75" customHeight="1">
      <c r="A1337" s="12" t="s">
        <v>2634</v>
      </c>
      <c r="B1337" s="13" t="s">
        <v>2635</v>
      </c>
      <c r="C1337" s="29" t="s">
        <v>2516</v>
      </c>
      <c r="D1337" s="13" t="s">
        <v>2636</v>
      </c>
      <c r="E1337" s="13" t="s">
        <v>502</v>
      </c>
      <c r="F1337" s="11">
        <v>47422</v>
      </c>
    </row>
    <row r="1338" spans="1:6" ht="27.75" customHeight="1">
      <c r="A1338" s="14" t="s">
        <v>2637</v>
      </c>
      <c r="B1338" s="9" t="s">
        <v>2638</v>
      </c>
      <c r="C1338" s="29" t="s">
        <v>2516</v>
      </c>
      <c r="D1338" s="9" t="s">
        <v>2639</v>
      </c>
      <c r="E1338" s="9" t="s">
        <v>21</v>
      </c>
      <c r="F1338" s="11">
        <v>46812</v>
      </c>
    </row>
    <row r="1339" spans="1:6" ht="27.75" customHeight="1">
      <c r="A1339" s="14" t="s">
        <v>2640</v>
      </c>
      <c r="B1339" s="9" t="s">
        <v>2641</v>
      </c>
      <c r="C1339" s="29" t="s">
        <v>2516</v>
      </c>
      <c r="D1339" s="9" t="s">
        <v>2642</v>
      </c>
      <c r="E1339" s="9" t="s">
        <v>44</v>
      </c>
      <c r="F1339" s="11">
        <v>47422</v>
      </c>
    </row>
    <row r="1340" spans="1:6" ht="27.75" customHeight="1">
      <c r="A1340" s="12" t="s">
        <v>2643</v>
      </c>
      <c r="B1340" s="13" t="s">
        <v>2644</v>
      </c>
      <c r="C1340" s="29" t="s">
        <v>2516</v>
      </c>
      <c r="D1340" s="13" t="s">
        <v>2645</v>
      </c>
      <c r="E1340" s="13" t="s">
        <v>274</v>
      </c>
      <c r="F1340" s="11">
        <v>47422</v>
      </c>
    </row>
    <row r="1341" spans="1:6" ht="27.75" customHeight="1">
      <c r="A1341" s="8" t="s">
        <v>2646</v>
      </c>
      <c r="B1341" s="13" t="s">
        <v>2644</v>
      </c>
      <c r="C1341" s="29" t="s">
        <v>2516</v>
      </c>
      <c r="D1341" s="9" t="s">
        <v>2645</v>
      </c>
      <c r="E1341" s="9" t="s">
        <v>40</v>
      </c>
      <c r="F1341" s="11">
        <v>47422</v>
      </c>
    </row>
    <row r="1342" spans="1:6" ht="27.75" customHeight="1">
      <c r="A1342" s="20" t="s">
        <v>2647</v>
      </c>
      <c r="B1342" s="13" t="s">
        <v>2644</v>
      </c>
      <c r="C1342" s="29" t="s">
        <v>2516</v>
      </c>
      <c r="D1342" s="13" t="s">
        <v>2645</v>
      </c>
      <c r="E1342" s="13" t="s">
        <v>424</v>
      </c>
      <c r="F1342" s="11">
        <v>46446</v>
      </c>
    </row>
    <row r="1343" spans="1:6" ht="27.75" customHeight="1">
      <c r="A1343" s="12" t="s">
        <v>2648</v>
      </c>
      <c r="B1343" s="13" t="s">
        <v>2644</v>
      </c>
      <c r="C1343" s="29" t="s">
        <v>2516</v>
      </c>
      <c r="D1343" s="13" t="s">
        <v>2645</v>
      </c>
      <c r="E1343" s="13" t="s">
        <v>132</v>
      </c>
      <c r="F1343" s="11">
        <v>47664</v>
      </c>
    </row>
    <row r="1344" spans="1:6" ht="27.75" customHeight="1">
      <c r="A1344" s="12" t="s">
        <v>2649</v>
      </c>
      <c r="B1344" s="13" t="s">
        <v>2644</v>
      </c>
      <c r="C1344" s="29" t="s">
        <v>2516</v>
      </c>
      <c r="D1344" s="13" t="s">
        <v>2645</v>
      </c>
      <c r="E1344" s="13" t="s">
        <v>347</v>
      </c>
      <c r="F1344" s="11">
        <v>47422</v>
      </c>
    </row>
    <row r="1345" spans="1:6" ht="27.75" customHeight="1">
      <c r="A1345" s="23" t="s">
        <v>2650</v>
      </c>
      <c r="B1345" s="24" t="s">
        <v>2644</v>
      </c>
      <c r="C1345" s="29" t="s">
        <v>2516</v>
      </c>
      <c r="D1345" s="9" t="s">
        <v>2645</v>
      </c>
      <c r="E1345" s="24" t="s">
        <v>1866</v>
      </c>
      <c r="F1345" s="11">
        <v>46356</v>
      </c>
    </row>
    <row r="1346" spans="1:6" ht="27.75" customHeight="1">
      <c r="A1346" s="17" t="s">
        <v>2651</v>
      </c>
      <c r="B1346" s="13" t="s">
        <v>2644</v>
      </c>
      <c r="C1346" s="29" t="s">
        <v>2516</v>
      </c>
      <c r="D1346" s="13" t="s">
        <v>2645</v>
      </c>
      <c r="E1346" s="9" t="s">
        <v>44</v>
      </c>
      <c r="F1346" s="11">
        <v>47422</v>
      </c>
    </row>
    <row r="1347" spans="1:6" ht="27.75" customHeight="1">
      <c r="A1347" s="8" t="s">
        <v>2652</v>
      </c>
      <c r="B1347" s="13" t="s">
        <v>2644</v>
      </c>
      <c r="C1347" s="29" t="s">
        <v>2516</v>
      </c>
      <c r="D1347" s="13" t="s">
        <v>2645</v>
      </c>
      <c r="E1347" s="13" t="s">
        <v>11</v>
      </c>
      <c r="F1347" s="11">
        <v>47299</v>
      </c>
    </row>
    <row r="1348" spans="1:6" ht="27.75" customHeight="1">
      <c r="A1348" s="14" t="s">
        <v>2653</v>
      </c>
      <c r="B1348" s="9" t="s">
        <v>2644</v>
      </c>
      <c r="C1348" s="29" t="s">
        <v>2516</v>
      </c>
      <c r="D1348" s="9" t="s">
        <v>2645</v>
      </c>
      <c r="E1348" s="9" t="s">
        <v>44</v>
      </c>
      <c r="F1348" s="11">
        <v>47603</v>
      </c>
    </row>
    <row r="1349" spans="1:6" ht="27.75" customHeight="1">
      <c r="A1349" s="8" t="s">
        <v>2654</v>
      </c>
      <c r="B1349" s="13" t="s">
        <v>2644</v>
      </c>
      <c r="C1349" s="29" t="s">
        <v>2516</v>
      </c>
      <c r="D1349" s="13" t="s">
        <v>2645</v>
      </c>
      <c r="E1349" s="9" t="s">
        <v>40</v>
      </c>
      <c r="F1349" s="11">
        <v>46477</v>
      </c>
    </row>
    <row r="1350" spans="1:6" ht="27.75" customHeight="1">
      <c r="A1350" s="17" t="s">
        <v>2655</v>
      </c>
      <c r="B1350" s="9" t="s">
        <v>2644</v>
      </c>
      <c r="C1350" s="29" t="s">
        <v>2516</v>
      </c>
      <c r="D1350" s="9" t="s">
        <v>2645</v>
      </c>
      <c r="E1350" s="9" t="s">
        <v>2048</v>
      </c>
      <c r="F1350" s="11">
        <v>47756</v>
      </c>
    </row>
    <row r="1351" spans="1:6" ht="27.75" customHeight="1">
      <c r="A1351" s="12" t="s">
        <v>2656</v>
      </c>
      <c r="B1351" s="18" t="s">
        <v>2644</v>
      </c>
      <c r="C1351" s="29" t="s">
        <v>2516</v>
      </c>
      <c r="D1351" s="18" t="s">
        <v>2645</v>
      </c>
      <c r="E1351" s="18" t="s">
        <v>232</v>
      </c>
      <c r="F1351" s="19">
        <v>46295</v>
      </c>
    </row>
    <row r="1352" spans="1:6" ht="27.75" customHeight="1">
      <c r="A1352" s="12" t="s">
        <v>2657</v>
      </c>
      <c r="B1352" s="18" t="s">
        <v>2644</v>
      </c>
      <c r="C1352" s="29" t="s">
        <v>2516</v>
      </c>
      <c r="D1352" s="18" t="s">
        <v>2645</v>
      </c>
      <c r="E1352" s="18" t="s">
        <v>424</v>
      </c>
      <c r="F1352" s="19">
        <v>47483</v>
      </c>
    </row>
    <row r="1353" spans="1:6" ht="27.75" customHeight="1">
      <c r="A1353" s="8" t="s">
        <v>2658</v>
      </c>
      <c r="B1353" s="9" t="s">
        <v>2644</v>
      </c>
      <c r="C1353" s="29" t="s">
        <v>2516</v>
      </c>
      <c r="D1353" s="9" t="s">
        <v>2645</v>
      </c>
      <c r="E1353" s="9" t="s">
        <v>40</v>
      </c>
      <c r="F1353" s="11">
        <v>46203</v>
      </c>
    </row>
    <row r="1354" spans="1:6" ht="27.75" customHeight="1">
      <c r="A1354" s="17" t="s">
        <v>2659</v>
      </c>
      <c r="B1354" s="9" t="s">
        <v>2644</v>
      </c>
      <c r="C1354" s="29" t="s">
        <v>2516</v>
      </c>
      <c r="D1354" s="9" t="s">
        <v>2645</v>
      </c>
      <c r="E1354" s="9" t="s">
        <v>196</v>
      </c>
      <c r="F1354" s="11">
        <v>47634</v>
      </c>
    </row>
    <row r="1355" spans="1:6" ht="27.75" customHeight="1">
      <c r="A1355" s="12" t="s">
        <v>2660</v>
      </c>
      <c r="B1355" s="13" t="s">
        <v>2644</v>
      </c>
      <c r="C1355" s="29" t="s">
        <v>2516</v>
      </c>
      <c r="D1355" s="13" t="s">
        <v>2645</v>
      </c>
      <c r="E1355" s="13" t="s">
        <v>513</v>
      </c>
      <c r="F1355" s="11">
        <v>47483</v>
      </c>
    </row>
    <row r="1356" spans="1:6" ht="27.75" customHeight="1">
      <c r="A1356" s="14" t="s">
        <v>2661</v>
      </c>
      <c r="B1356" s="9" t="s">
        <v>2644</v>
      </c>
      <c r="C1356" s="29" t="s">
        <v>2516</v>
      </c>
      <c r="D1356" s="9" t="s">
        <v>2645</v>
      </c>
      <c r="E1356" s="9" t="s">
        <v>44</v>
      </c>
      <c r="F1356" s="11">
        <v>47422</v>
      </c>
    </row>
    <row r="1357" spans="1:6" ht="27.75" customHeight="1">
      <c r="A1357" s="12" t="s">
        <v>2662</v>
      </c>
      <c r="B1357" s="13" t="s">
        <v>2644</v>
      </c>
      <c r="C1357" s="29" t="s">
        <v>2516</v>
      </c>
      <c r="D1357" s="13" t="s">
        <v>2645</v>
      </c>
      <c r="E1357" s="13" t="s">
        <v>115</v>
      </c>
      <c r="F1357" s="11">
        <v>47208</v>
      </c>
    </row>
    <row r="1358" spans="1:6" ht="27.75" customHeight="1">
      <c r="A1358" s="14" t="s">
        <v>2663</v>
      </c>
      <c r="B1358" s="9" t="s">
        <v>2644</v>
      </c>
      <c r="C1358" s="29" t="s">
        <v>2516</v>
      </c>
      <c r="D1358" s="9" t="s">
        <v>2645</v>
      </c>
      <c r="E1358" s="9" t="s">
        <v>228</v>
      </c>
      <c r="F1358" s="11">
        <v>47422</v>
      </c>
    </row>
    <row r="1359" spans="1:6" ht="27.75" customHeight="1">
      <c r="A1359" s="12" t="s">
        <v>2664</v>
      </c>
      <c r="B1359" s="13" t="s">
        <v>2644</v>
      </c>
      <c r="C1359" s="29" t="s">
        <v>2516</v>
      </c>
      <c r="D1359" s="13" t="s">
        <v>2645</v>
      </c>
      <c r="E1359" s="13" t="s">
        <v>228</v>
      </c>
      <c r="F1359" s="11">
        <v>47422</v>
      </c>
    </row>
    <row r="1360" spans="1:6" ht="27.75" customHeight="1">
      <c r="A1360" s="17" t="s">
        <v>2665</v>
      </c>
      <c r="B1360" s="9" t="s">
        <v>2644</v>
      </c>
      <c r="C1360" s="29" t="s">
        <v>2516</v>
      </c>
      <c r="D1360" s="9" t="s">
        <v>2645</v>
      </c>
      <c r="E1360" s="9" t="s">
        <v>298</v>
      </c>
      <c r="F1360" s="11">
        <v>47664</v>
      </c>
    </row>
    <row r="1361" spans="1:6" ht="27.75" customHeight="1">
      <c r="A1361" s="14" t="s">
        <v>2666</v>
      </c>
      <c r="B1361" s="9" t="s">
        <v>2667</v>
      </c>
      <c r="C1361" s="29" t="s">
        <v>2516</v>
      </c>
      <c r="D1361" s="9" t="s">
        <v>2668</v>
      </c>
      <c r="E1361" s="9" t="s">
        <v>21</v>
      </c>
      <c r="F1361" s="11">
        <v>46904</v>
      </c>
    </row>
    <row r="1362" spans="1:6" ht="27.75" customHeight="1">
      <c r="A1362" s="14" t="s">
        <v>2669</v>
      </c>
      <c r="B1362" s="9" t="s">
        <v>2667</v>
      </c>
      <c r="C1362" s="29" t="s">
        <v>2516</v>
      </c>
      <c r="D1362" s="9" t="s">
        <v>2668</v>
      </c>
      <c r="E1362" s="9" t="s">
        <v>2670</v>
      </c>
      <c r="F1362" s="11">
        <v>47422</v>
      </c>
    </row>
    <row r="1363" spans="1:6" ht="27.75" customHeight="1">
      <c r="A1363" s="12" t="s">
        <v>2671</v>
      </c>
      <c r="B1363" s="13" t="s">
        <v>2667</v>
      </c>
      <c r="C1363" s="29" t="s">
        <v>2516</v>
      </c>
      <c r="D1363" s="13" t="s">
        <v>2668</v>
      </c>
      <c r="E1363" s="13" t="s">
        <v>2670</v>
      </c>
      <c r="F1363" s="11">
        <v>47422</v>
      </c>
    </row>
    <row r="1364" spans="1:6" ht="27.75" customHeight="1">
      <c r="A1364" s="14" t="s">
        <v>2672</v>
      </c>
      <c r="B1364" s="9" t="s">
        <v>2673</v>
      </c>
      <c r="C1364" s="29" t="s">
        <v>2516</v>
      </c>
      <c r="D1364" s="9" t="s">
        <v>2674</v>
      </c>
      <c r="E1364" s="47" t="s">
        <v>2675</v>
      </c>
      <c r="F1364" s="11">
        <v>47664</v>
      </c>
    </row>
    <row r="1365" spans="1:6" ht="27.75" customHeight="1">
      <c r="A1365" s="12" t="s">
        <v>2676</v>
      </c>
      <c r="B1365" s="13" t="s">
        <v>2677</v>
      </c>
      <c r="C1365" s="10" t="s">
        <v>2516</v>
      </c>
      <c r="D1365" s="13" t="s">
        <v>2678</v>
      </c>
      <c r="E1365" s="13" t="s">
        <v>641</v>
      </c>
      <c r="F1365" s="11">
        <v>47087</v>
      </c>
    </row>
    <row r="1366" spans="1:6" ht="27.75" customHeight="1">
      <c r="A1366" s="12" t="s">
        <v>2679</v>
      </c>
      <c r="B1366" s="13" t="s">
        <v>2680</v>
      </c>
      <c r="C1366" s="10" t="s">
        <v>2516</v>
      </c>
      <c r="D1366" s="13" t="s">
        <v>2681</v>
      </c>
      <c r="E1366" s="13" t="s">
        <v>40</v>
      </c>
      <c r="F1366" s="11">
        <v>47695</v>
      </c>
    </row>
    <row r="1367" spans="1:6" ht="27.75" customHeight="1">
      <c r="A1367" s="17" t="s">
        <v>2682</v>
      </c>
      <c r="B1367" s="9" t="s">
        <v>2683</v>
      </c>
      <c r="C1367" s="10" t="s">
        <v>2516</v>
      </c>
      <c r="D1367" s="9" t="s">
        <v>2684</v>
      </c>
      <c r="E1367" s="9" t="s">
        <v>393</v>
      </c>
      <c r="F1367" s="11">
        <v>47573</v>
      </c>
    </row>
    <row r="1368" spans="1:6" ht="27.75" customHeight="1">
      <c r="A1368" s="12" t="s">
        <v>2685</v>
      </c>
      <c r="B1368" s="13" t="s">
        <v>2686</v>
      </c>
      <c r="C1368" s="10" t="s">
        <v>2516</v>
      </c>
      <c r="D1368" s="13" t="s">
        <v>2687</v>
      </c>
      <c r="E1368" s="13" t="s">
        <v>142</v>
      </c>
      <c r="F1368" s="11">
        <v>47422</v>
      </c>
    </row>
    <row r="1369" spans="1:6" ht="27.75" customHeight="1">
      <c r="A1369" s="14" t="s">
        <v>2688</v>
      </c>
      <c r="B1369" s="9" t="s">
        <v>2689</v>
      </c>
      <c r="C1369" s="10" t="s">
        <v>2516</v>
      </c>
      <c r="D1369" s="9" t="s">
        <v>2690</v>
      </c>
      <c r="E1369" s="9" t="s">
        <v>69</v>
      </c>
      <c r="F1369" s="11">
        <v>47422</v>
      </c>
    </row>
    <row r="1370" spans="1:6" ht="27.75" customHeight="1">
      <c r="A1370" s="17" t="s">
        <v>2691</v>
      </c>
      <c r="B1370" s="9" t="s">
        <v>2692</v>
      </c>
      <c r="C1370" s="10" t="s">
        <v>2516</v>
      </c>
      <c r="D1370" s="9" t="s">
        <v>2693</v>
      </c>
      <c r="E1370" s="9" t="s">
        <v>21</v>
      </c>
      <c r="F1370" s="11">
        <v>46568</v>
      </c>
    </row>
    <row r="1371" spans="1:6" ht="27.75" customHeight="1">
      <c r="A1371" s="14" t="s">
        <v>2694</v>
      </c>
      <c r="B1371" s="9" t="s">
        <v>2695</v>
      </c>
      <c r="C1371" s="10" t="s">
        <v>2516</v>
      </c>
      <c r="D1371" s="9" t="s">
        <v>2696</v>
      </c>
      <c r="E1371" s="9" t="s">
        <v>40</v>
      </c>
      <c r="F1371" s="11">
        <v>47422</v>
      </c>
    </row>
    <row r="1372" spans="1:6" ht="27.75" customHeight="1">
      <c r="A1372" s="8" t="s">
        <v>2697</v>
      </c>
      <c r="B1372" s="9" t="s">
        <v>2698</v>
      </c>
      <c r="C1372" s="10" t="s">
        <v>2516</v>
      </c>
      <c r="D1372" s="9" t="s">
        <v>2699</v>
      </c>
      <c r="E1372" s="24" t="s">
        <v>196</v>
      </c>
      <c r="F1372" s="11">
        <v>47177</v>
      </c>
    </row>
    <row r="1373" spans="1:6" ht="27.75" customHeight="1">
      <c r="A1373" s="8" t="s">
        <v>2700</v>
      </c>
      <c r="B1373" s="9" t="s">
        <v>2701</v>
      </c>
      <c r="C1373" s="10" t="s">
        <v>2516</v>
      </c>
      <c r="D1373" s="9" t="s">
        <v>2702</v>
      </c>
      <c r="E1373" s="9" t="s">
        <v>44</v>
      </c>
      <c r="F1373" s="11">
        <v>47422</v>
      </c>
    </row>
    <row r="1374" spans="1:6" ht="27.75" customHeight="1">
      <c r="A1374" s="12" t="s">
        <v>2703</v>
      </c>
      <c r="B1374" s="13" t="s">
        <v>2704</v>
      </c>
      <c r="C1374" s="10" t="s">
        <v>2516</v>
      </c>
      <c r="D1374" s="13" t="s">
        <v>2705</v>
      </c>
      <c r="E1374" s="13" t="s">
        <v>991</v>
      </c>
      <c r="F1374" s="11">
        <v>47299</v>
      </c>
    </row>
    <row r="1375" spans="1:6" ht="27.75" customHeight="1">
      <c r="A1375" s="8" t="s">
        <v>2706</v>
      </c>
      <c r="B1375" s="13" t="s">
        <v>2707</v>
      </c>
      <c r="C1375" s="10" t="s">
        <v>2516</v>
      </c>
      <c r="D1375" s="13" t="s">
        <v>2708</v>
      </c>
      <c r="E1375" s="13" t="s">
        <v>2709</v>
      </c>
      <c r="F1375" s="11">
        <v>47422</v>
      </c>
    </row>
    <row r="1376" spans="1:6" ht="27.75" customHeight="1">
      <c r="A1376" s="12" t="s">
        <v>2710</v>
      </c>
      <c r="B1376" s="13" t="s">
        <v>2707</v>
      </c>
      <c r="C1376" s="10" t="s">
        <v>2516</v>
      </c>
      <c r="D1376" s="13" t="s">
        <v>2711</v>
      </c>
      <c r="E1376" s="13" t="s">
        <v>598</v>
      </c>
      <c r="F1376" s="11">
        <v>47238</v>
      </c>
    </row>
    <row r="1377" spans="1:6" ht="27.75" customHeight="1">
      <c r="A1377" s="12" t="s">
        <v>2712</v>
      </c>
      <c r="B1377" s="13" t="s">
        <v>2707</v>
      </c>
      <c r="C1377" s="10" t="s">
        <v>2516</v>
      </c>
      <c r="D1377" s="13" t="s">
        <v>2711</v>
      </c>
      <c r="E1377" s="13" t="s">
        <v>295</v>
      </c>
      <c r="F1377" s="11">
        <v>46904</v>
      </c>
    </row>
    <row r="1378" spans="1:6" ht="27.75" customHeight="1">
      <c r="A1378" s="12" t="s">
        <v>2713</v>
      </c>
      <c r="B1378" s="13" t="s">
        <v>2714</v>
      </c>
      <c r="C1378" s="10" t="s">
        <v>2516</v>
      </c>
      <c r="D1378" s="13" t="s">
        <v>2715</v>
      </c>
      <c r="E1378" s="13" t="s">
        <v>35</v>
      </c>
      <c r="F1378" s="11">
        <v>47483</v>
      </c>
    </row>
    <row r="1379" spans="1:6" ht="27.75" customHeight="1">
      <c r="A1379" s="8" t="s">
        <v>2716</v>
      </c>
      <c r="B1379" s="9" t="s">
        <v>2717</v>
      </c>
      <c r="C1379" s="10" t="s">
        <v>2516</v>
      </c>
      <c r="D1379" s="9" t="s">
        <v>2718</v>
      </c>
      <c r="E1379" s="9" t="s">
        <v>40</v>
      </c>
      <c r="F1379" s="11">
        <v>47542</v>
      </c>
    </row>
    <row r="1380" spans="1:6" ht="27.75" customHeight="1">
      <c r="A1380" s="17" t="s">
        <v>2719</v>
      </c>
      <c r="B1380" s="9" t="s">
        <v>2720</v>
      </c>
      <c r="C1380" s="10" t="s">
        <v>2516</v>
      </c>
      <c r="D1380" s="9" t="s">
        <v>2721</v>
      </c>
      <c r="E1380" s="9" t="s">
        <v>205</v>
      </c>
      <c r="F1380" s="11">
        <v>47422</v>
      </c>
    </row>
    <row r="1381" spans="1:6" ht="27.75" customHeight="1">
      <c r="A1381" s="17" t="s">
        <v>2722</v>
      </c>
      <c r="B1381" s="9" t="s">
        <v>2723</v>
      </c>
      <c r="C1381" s="10" t="s">
        <v>2516</v>
      </c>
      <c r="D1381" s="9" t="s">
        <v>2724</v>
      </c>
      <c r="E1381" s="9" t="s">
        <v>40</v>
      </c>
      <c r="F1381" s="11">
        <v>47208</v>
      </c>
    </row>
    <row r="1382" spans="1:6" ht="27.75" customHeight="1">
      <c r="A1382" s="15" t="s">
        <v>2725</v>
      </c>
      <c r="B1382" s="13" t="s">
        <v>2726</v>
      </c>
      <c r="C1382" s="10" t="s">
        <v>2516</v>
      </c>
      <c r="D1382" s="9" t="s">
        <v>2727</v>
      </c>
      <c r="E1382" s="50" t="s">
        <v>2728</v>
      </c>
      <c r="F1382" s="11">
        <v>47422</v>
      </c>
    </row>
    <row r="1383" spans="1:6" ht="27.75" customHeight="1">
      <c r="A1383" s="17" t="s">
        <v>2729</v>
      </c>
      <c r="B1383" s="9" t="s">
        <v>2730</v>
      </c>
      <c r="C1383" s="10" t="s">
        <v>2516</v>
      </c>
      <c r="D1383" s="9" t="s">
        <v>2731</v>
      </c>
      <c r="E1383" s="9" t="s">
        <v>2732</v>
      </c>
      <c r="F1383" s="11">
        <v>47422</v>
      </c>
    </row>
    <row r="1384" spans="1:6" ht="27.75" customHeight="1">
      <c r="A1384" s="12" t="s">
        <v>2733</v>
      </c>
      <c r="B1384" s="13" t="s">
        <v>2734</v>
      </c>
      <c r="C1384" s="10" t="s">
        <v>2516</v>
      </c>
      <c r="D1384" s="13" t="s">
        <v>2735</v>
      </c>
      <c r="E1384" s="13" t="s">
        <v>86</v>
      </c>
      <c r="F1384" s="11">
        <v>47422</v>
      </c>
    </row>
    <row r="1385" spans="1:6" ht="27.75" customHeight="1">
      <c r="A1385" s="14" t="s">
        <v>2736</v>
      </c>
      <c r="B1385" s="9" t="s">
        <v>2737</v>
      </c>
      <c r="C1385" s="10" t="s">
        <v>2516</v>
      </c>
      <c r="D1385" s="9" t="s">
        <v>2738</v>
      </c>
      <c r="E1385" s="9" t="s">
        <v>44</v>
      </c>
      <c r="F1385" s="11">
        <v>47452</v>
      </c>
    </row>
    <row r="1386" spans="1:6" ht="27.75" customHeight="1">
      <c r="A1386" s="12" t="s">
        <v>2739</v>
      </c>
      <c r="B1386" s="13" t="s">
        <v>2740</v>
      </c>
      <c r="C1386" s="10" t="s">
        <v>2516</v>
      </c>
      <c r="D1386" s="13" t="s">
        <v>2741</v>
      </c>
      <c r="E1386" s="13" t="s">
        <v>2742</v>
      </c>
      <c r="F1386" s="11">
        <v>46173</v>
      </c>
    </row>
    <row r="1387" spans="1:6" ht="27.75" customHeight="1">
      <c r="A1387" s="12" t="s">
        <v>2743</v>
      </c>
      <c r="B1387" s="13" t="s">
        <v>2740</v>
      </c>
      <c r="C1387" s="10" t="s">
        <v>2516</v>
      </c>
      <c r="D1387" s="13" t="s">
        <v>2741</v>
      </c>
      <c r="E1387" s="13" t="s">
        <v>17</v>
      </c>
      <c r="F1387" s="11">
        <v>47452</v>
      </c>
    </row>
    <row r="1388" spans="1:6" ht="27.75" customHeight="1">
      <c r="A1388" s="17" t="s">
        <v>2744</v>
      </c>
      <c r="B1388" s="9" t="s">
        <v>2740</v>
      </c>
      <c r="C1388" s="10" t="s">
        <v>2516</v>
      </c>
      <c r="D1388" s="9" t="s">
        <v>2741</v>
      </c>
      <c r="E1388" s="9" t="s">
        <v>17</v>
      </c>
      <c r="F1388" s="11">
        <v>46568</v>
      </c>
    </row>
    <row r="1389" spans="1:6" ht="27.75" customHeight="1">
      <c r="A1389" s="8" t="s">
        <v>2745</v>
      </c>
      <c r="B1389" s="9" t="s">
        <v>2740</v>
      </c>
      <c r="C1389" s="10" t="s">
        <v>2516</v>
      </c>
      <c r="D1389" s="9" t="s">
        <v>2741</v>
      </c>
      <c r="E1389" s="9" t="s">
        <v>40</v>
      </c>
      <c r="F1389" s="11">
        <v>47603</v>
      </c>
    </row>
    <row r="1390" spans="1:6" ht="27.75" customHeight="1">
      <c r="A1390" s="12" t="s">
        <v>2746</v>
      </c>
      <c r="B1390" s="13" t="s">
        <v>2740</v>
      </c>
      <c r="C1390" s="10" t="s">
        <v>2516</v>
      </c>
      <c r="D1390" s="13" t="s">
        <v>2741</v>
      </c>
      <c r="E1390" s="13" t="s">
        <v>2747</v>
      </c>
      <c r="F1390" s="11">
        <v>47573</v>
      </c>
    </row>
    <row r="1391" spans="1:6" ht="27.75" customHeight="1">
      <c r="A1391" s="12" t="s">
        <v>2748</v>
      </c>
      <c r="B1391" s="9" t="s">
        <v>2740</v>
      </c>
      <c r="C1391" s="10" t="s">
        <v>2516</v>
      </c>
      <c r="D1391" s="9" t="s">
        <v>2741</v>
      </c>
      <c r="E1391" s="9" t="s">
        <v>196</v>
      </c>
      <c r="F1391" s="11">
        <v>47664</v>
      </c>
    </row>
    <row r="1392" spans="1:6" ht="27.75" customHeight="1">
      <c r="A1392" s="14" t="s">
        <v>2749</v>
      </c>
      <c r="B1392" s="9" t="s">
        <v>2740</v>
      </c>
      <c r="C1392" s="10" t="s">
        <v>2516</v>
      </c>
      <c r="D1392" s="9" t="s">
        <v>2741</v>
      </c>
      <c r="E1392" s="9" t="s">
        <v>44</v>
      </c>
      <c r="F1392" s="11">
        <v>47422</v>
      </c>
    </row>
    <row r="1393" spans="1:6" ht="27.75" customHeight="1">
      <c r="A1393" s="12" t="s">
        <v>2750</v>
      </c>
      <c r="B1393" s="13" t="s">
        <v>2740</v>
      </c>
      <c r="C1393" s="10" t="s">
        <v>2516</v>
      </c>
      <c r="D1393" s="9" t="s">
        <v>2741</v>
      </c>
      <c r="E1393" s="13" t="s">
        <v>196</v>
      </c>
      <c r="F1393" s="11">
        <v>47269</v>
      </c>
    </row>
    <row r="1394" spans="1:6" ht="27.75" customHeight="1">
      <c r="A1394" s="12" t="s">
        <v>2751</v>
      </c>
      <c r="B1394" s="13" t="s">
        <v>2740</v>
      </c>
      <c r="C1394" s="10" t="s">
        <v>2516</v>
      </c>
      <c r="D1394" s="13" t="s">
        <v>2741</v>
      </c>
      <c r="E1394" s="13" t="s">
        <v>44</v>
      </c>
      <c r="F1394" s="11">
        <v>47391</v>
      </c>
    </row>
    <row r="1395" spans="1:6" ht="27.75" customHeight="1">
      <c r="A1395" s="14" t="s">
        <v>2752</v>
      </c>
      <c r="B1395" s="9" t="s">
        <v>2740</v>
      </c>
      <c r="C1395" s="10" t="s">
        <v>2516</v>
      </c>
      <c r="D1395" s="9" t="s">
        <v>2741</v>
      </c>
      <c r="E1395" s="9" t="s">
        <v>393</v>
      </c>
      <c r="F1395" s="11">
        <v>46873</v>
      </c>
    </row>
    <row r="1396" spans="1:6" ht="27.75" customHeight="1">
      <c r="A1396" s="14" t="s">
        <v>2753</v>
      </c>
      <c r="B1396" s="9" t="s">
        <v>2740</v>
      </c>
      <c r="C1396" s="10" t="s">
        <v>2516</v>
      </c>
      <c r="D1396" s="9" t="s">
        <v>2741</v>
      </c>
      <c r="E1396" s="9" t="s">
        <v>44</v>
      </c>
      <c r="F1396" s="11">
        <v>46477</v>
      </c>
    </row>
    <row r="1397" spans="1:6" ht="27.75" customHeight="1">
      <c r="A1397" s="23" t="s">
        <v>2754</v>
      </c>
      <c r="B1397" s="24" t="s">
        <v>2740</v>
      </c>
      <c r="C1397" s="10" t="s">
        <v>2516</v>
      </c>
      <c r="D1397" s="9" t="s">
        <v>2741</v>
      </c>
      <c r="E1397" s="24" t="s">
        <v>44</v>
      </c>
      <c r="F1397" s="11">
        <v>47664</v>
      </c>
    </row>
    <row r="1398" spans="1:6" ht="27.75" customHeight="1">
      <c r="A1398" s="12" t="s">
        <v>2755</v>
      </c>
      <c r="B1398" s="13" t="s">
        <v>2740</v>
      </c>
      <c r="C1398" s="10" t="s">
        <v>2516</v>
      </c>
      <c r="D1398" s="13" t="s">
        <v>2741</v>
      </c>
      <c r="E1398" s="13" t="s">
        <v>2742</v>
      </c>
      <c r="F1398" s="11">
        <v>47452</v>
      </c>
    </row>
    <row r="1399" spans="1:6" ht="27.75" customHeight="1">
      <c r="A1399" s="8" t="s">
        <v>2756</v>
      </c>
      <c r="B1399" s="9" t="s">
        <v>2740</v>
      </c>
      <c r="C1399" s="10" t="s">
        <v>2516</v>
      </c>
      <c r="D1399" s="9" t="s">
        <v>2741</v>
      </c>
      <c r="E1399" s="9" t="s">
        <v>115</v>
      </c>
      <c r="F1399" s="11">
        <v>46265</v>
      </c>
    </row>
    <row r="1400" spans="1:6" ht="27.75" customHeight="1">
      <c r="A1400" s="12" t="s">
        <v>2757</v>
      </c>
      <c r="B1400" s="13" t="s">
        <v>2740</v>
      </c>
      <c r="C1400" s="10" t="s">
        <v>2516</v>
      </c>
      <c r="D1400" s="13" t="s">
        <v>2741</v>
      </c>
      <c r="E1400" s="13" t="s">
        <v>196</v>
      </c>
      <c r="F1400" s="11">
        <v>46173</v>
      </c>
    </row>
    <row r="1401" spans="1:6" ht="27.75" customHeight="1">
      <c r="A1401" s="12" t="s">
        <v>2758</v>
      </c>
      <c r="B1401" s="13" t="s">
        <v>2740</v>
      </c>
      <c r="C1401" s="10" t="s">
        <v>2516</v>
      </c>
      <c r="D1401" s="13" t="s">
        <v>2741</v>
      </c>
      <c r="E1401" s="13" t="s">
        <v>284</v>
      </c>
      <c r="F1401" s="11">
        <v>47299</v>
      </c>
    </row>
    <row r="1402" spans="1:6" ht="27.75" customHeight="1">
      <c r="A1402" s="23" t="s">
        <v>2759</v>
      </c>
      <c r="B1402" s="24" t="s">
        <v>2740</v>
      </c>
      <c r="C1402" s="10" t="s">
        <v>2516</v>
      </c>
      <c r="D1402" s="9" t="s">
        <v>2741</v>
      </c>
      <c r="E1402" s="24" t="s">
        <v>63</v>
      </c>
      <c r="F1402" s="11">
        <v>47299</v>
      </c>
    </row>
    <row r="1403" spans="1:6" ht="27.75" customHeight="1">
      <c r="A1403" s="12" t="s">
        <v>2760</v>
      </c>
      <c r="B1403" s="13" t="s">
        <v>2740</v>
      </c>
      <c r="C1403" s="10" t="s">
        <v>2516</v>
      </c>
      <c r="D1403" s="13" t="s">
        <v>2741</v>
      </c>
      <c r="E1403" s="13" t="s">
        <v>253</v>
      </c>
      <c r="F1403" s="11">
        <v>47422</v>
      </c>
    </row>
    <row r="1404" spans="1:6" ht="27.75" customHeight="1">
      <c r="A1404" s="14" t="s">
        <v>2761</v>
      </c>
      <c r="B1404" s="9" t="s">
        <v>2740</v>
      </c>
      <c r="C1404" s="10" t="s">
        <v>2516</v>
      </c>
      <c r="D1404" s="9" t="s">
        <v>2741</v>
      </c>
      <c r="E1404" s="9" t="s">
        <v>25</v>
      </c>
      <c r="F1404" s="11">
        <v>47422</v>
      </c>
    </row>
    <row r="1405" spans="1:6" ht="27.75" customHeight="1">
      <c r="A1405" s="14" t="s">
        <v>2762</v>
      </c>
      <c r="B1405" s="9" t="s">
        <v>2740</v>
      </c>
      <c r="C1405" s="10" t="s">
        <v>2516</v>
      </c>
      <c r="D1405" s="9" t="s">
        <v>2741</v>
      </c>
      <c r="E1405" s="9" t="s">
        <v>111</v>
      </c>
      <c r="F1405" s="11">
        <v>47269</v>
      </c>
    </row>
    <row r="1406" spans="1:6" ht="27.75" customHeight="1">
      <c r="A1406" s="14" t="s">
        <v>2763</v>
      </c>
      <c r="B1406" s="9" t="s">
        <v>2740</v>
      </c>
      <c r="C1406" s="10" t="s">
        <v>2516</v>
      </c>
      <c r="D1406" s="9" t="s">
        <v>2741</v>
      </c>
      <c r="E1406" s="9" t="s">
        <v>253</v>
      </c>
      <c r="F1406" s="11">
        <v>47634</v>
      </c>
    </row>
    <row r="1407" spans="1:6" ht="27.75" customHeight="1">
      <c r="A1407" s="12" t="s">
        <v>2764</v>
      </c>
      <c r="B1407" s="13" t="s">
        <v>2740</v>
      </c>
      <c r="C1407" s="10" t="s">
        <v>2516</v>
      </c>
      <c r="D1407" s="13" t="s">
        <v>2741</v>
      </c>
      <c r="E1407" s="13" t="s">
        <v>63</v>
      </c>
      <c r="F1407" s="11">
        <v>47238</v>
      </c>
    </row>
    <row r="1408" spans="1:6" ht="27.75" customHeight="1">
      <c r="A1408" s="14" t="s">
        <v>2765</v>
      </c>
      <c r="B1408" s="9" t="s">
        <v>2740</v>
      </c>
      <c r="C1408" s="10" t="s">
        <v>2516</v>
      </c>
      <c r="D1408" s="9" t="s">
        <v>2741</v>
      </c>
      <c r="E1408" s="9" t="s">
        <v>2709</v>
      </c>
      <c r="F1408" s="11">
        <v>47330</v>
      </c>
    </row>
    <row r="1409" spans="1:6" ht="27.75" customHeight="1">
      <c r="A1409" s="8" t="s">
        <v>2766</v>
      </c>
      <c r="B1409" s="9" t="s">
        <v>2740</v>
      </c>
      <c r="C1409" s="10" t="s">
        <v>2516</v>
      </c>
      <c r="D1409" s="9" t="s">
        <v>2741</v>
      </c>
      <c r="E1409" s="9" t="s">
        <v>393</v>
      </c>
      <c r="F1409" s="11">
        <v>46477</v>
      </c>
    </row>
    <row r="1410" spans="1:6" ht="27.75" customHeight="1">
      <c r="A1410" s="12" t="s">
        <v>2767</v>
      </c>
      <c r="B1410" s="13" t="s">
        <v>2740</v>
      </c>
      <c r="C1410" s="10" t="s">
        <v>2516</v>
      </c>
      <c r="D1410" s="13" t="s">
        <v>2741</v>
      </c>
      <c r="E1410" s="13" t="s">
        <v>115</v>
      </c>
      <c r="F1410" s="11">
        <v>46387</v>
      </c>
    </row>
    <row r="1411" spans="1:6" ht="27.75" customHeight="1">
      <c r="A1411" s="12" t="s">
        <v>2768</v>
      </c>
      <c r="B1411" s="13" t="s">
        <v>2740</v>
      </c>
      <c r="C1411" s="10" t="s">
        <v>2516</v>
      </c>
      <c r="D1411" s="13" t="s">
        <v>2741</v>
      </c>
      <c r="E1411" s="13" t="s">
        <v>44</v>
      </c>
      <c r="F1411" s="11">
        <v>47422</v>
      </c>
    </row>
    <row r="1412" spans="1:6" ht="27.75" customHeight="1">
      <c r="A1412" s="14" t="s">
        <v>2769</v>
      </c>
      <c r="B1412" s="9" t="s">
        <v>2740</v>
      </c>
      <c r="C1412" s="10" t="s">
        <v>2516</v>
      </c>
      <c r="D1412" s="9" t="s">
        <v>2741</v>
      </c>
      <c r="E1412" s="9" t="s">
        <v>40</v>
      </c>
      <c r="F1412" s="11">
        <v>46477</v>
      </c>
    </row>
    <row r="1413" spans="1:6" ht="27.75" customHeight="1">
      <c r="A1413" s="8" t="s">
        <v>2770</v>
      </c>
      <c r="B1413" s="9" t="s">
        <v>2740</v>
      </c>
      <c r="C1413" s="10" t="s">
        <v>2516</v>
      </c>
      <c r="D1413" s="9" t="s">
        <v>2741</v>
      </c>
      <c r="E1413" s="9" t="s">
        <v>196</v>
      </c>
      <c r="F1413" s="11">
        <v>47756</v>
      </c>
    </row>
    <row r="1414" spans="1:6" ht="27.75" customHeight="1">
      <c r="A1414" s="12" t="s">
        <v>2771</v>
      </c>
      <c r="B1414" s="18" t="s">
        <v>2740</v>
      </c>
      <c r="C1414" s="10" t="s">
        <v>2516</v>
      </c>
      <c r="D1414" s="18" t="s">
        <v>2741</v>
      </c>
      <c r="E1414" s="18" t="s">
        <v>2742</v>
      </c>
      <c r="F1414" s="19">
        <v>46112</v>
      </c>
    </row>
    <row r="1415" spans="1:6" ht="27.75" customHeight="1">
      <c r="A1415" s="8" t="s">
        <v>2772</v>
      </c>
      <c r="B1415" s="9" t="s">
        <v>2740</v>
      </c>
      <c r="C1415" s="10" t="s">
        <v>2516</v>
      </c>
      <c r="D1415" s="9" t="s">
        <v>2741</v>
      </c>
      <c r="E1415" s="24" t="s">
        <v>40</v>
      </c>
      <c r="F1415" s="11">
        <v>46477</v>
      </c>
    </row>
    <row r="1416" spans="1:6" ht="27.75" customHeight="1">
      <c r="A1416" s="8" t="s">
        <v>2773</v>
      </c>
      <c r="B1416" s="13" t="s">
        <v>2740</v>
      </c>
      <c r="C1416" s="10" t="s">
        <v>2516</v>
      </c>
      <c r="D1416" s="13" t="s">
        <v>2741</v>
      </c>
      <c r="E1416" s="13" t="s">
        <v>393</v>
      </c>
      <c r="F1416" s="11">
        <v>47422</v>
      </c>
    </row>
    <row r="1417" spans="1:6" ht="27.75" customHeight="1">
      <c r="A1417" s="8" t="s">
        <v>2774</v>
      </c>
      <c r="B1417" s="13" t="s">
        <v>2740</v>
      </c>
      <c r="C1417" s="10" t="s">
        <v>2516</v>
      </c>
      <c r="D1417" s="13" t="s">
        <v>2741</v>
      </c>
      <c r="E1417" s="13" t="s">
        <v>393</v>
      </c>
      <c r="F1417" s="11">
        <v>46599</v>
      </c>
    </row>
    <row r="1418" spans="1:6" ht="27.75" customHeight="1">
      <c r="A1418" s="12" t="s">
        <v>2775</v>
      </c>
      <c r="B1418" s="13" t="s">
        <v>2740</v>
      </c>
      <c r="C1418" s="10" t="s">
        <v>2516</v>
      </c>
      <c r="D1418" s="13" t="s">
        <v>2741</v>
      </c>
      <c r="E1418" s="13" t="s">
        <v>2742</v>
      </c>
      <c r="F1418" s="11">
        <v>46446</v>
      </c>
    </row>
    <row r="1419" spans="1:6" ht="27.75" customHeight="1">
      <c r="A1419" s="15" t="s">
        <v>2776</v>
      </c>
      <c r="B1419" s="13" t="s">
        <v>2740</v>
      </c>
      <c r="C1419" s="10" t="s">
        <v>2516</v>
      </c>
      <c r="D1419" s="9" t="s">
        <v>2741</v>
      </c>
      <c r="E1419" s="13" t="s">
        <v>253</v>
      </c>
      <c r="F1419" s="11">
        <v>46477</v>
      </c>
    </row>
    <row r="1420" spans="1:6" ht="27.75" customHeight="1">
      <c r="A1420" s="12" t="s">
        <v>2777</v>
      </c>
      <c r="B1420" s="13" t="s">
        <v>2740</v>
      </c>
      <c r="C1420" s="10" t="s">
        <v>2516</v>
      </c>
      <c r="D1420" s="13" t="s">
        <v>2741</v>
      </c>
      <c r="E1420" s="13" t="s">
        <v>111</v>
      </c>
      <c r="F1420" s="11">
        <v>47603</v>
      </c>
    </row>
    <row r="1421" spans="1:6" ht="27.75" customHeight="1">
      <c r="A1421" s="14" t="s">
        <v>2778</v>
      </c>
      <c r="B1421" s="9" t="s">
        <v>2740</v>
      </c>
      <c r="C1421" s="10" t="s">
        <v>2516</v>
      </c>
      <c r="D1421" s="9" t="s">
        <v>2741</v>
      </c>
      <c r="E1421" s="9" t="s">
        <v>2709</v>
      </c>
      <c r="F1421" s="11">
        <v>47603</v>
      </c>
    </row>
    <row r="1422" spans="1:6" ht="27.75" customHeight="1">
      <c r="A1422" s="12" t="s">
        <v>2779</v>
      </c>
      <c r="B1422" s="13" t="s">
        <v>2740</v>
      </c>
      <c r="C1422" s="10" t="s">
        <v>2516</v>
      </c>
      <c r="D1422" s="13" t="s">
        <v>2741</v>
      </c>
      <c r="E1422" s="13" t="s">
        <v>234</v>
      </c>
      <c r="F1422" s="11">
        <v>47452</v>
      </c>
    </row>
    <row r="1423" spans="1:6" ht="27.75" customHeight="1">
      <c r="A1423" s="23" t="s">
        <v>2780</v>
      </c>
      <c r="B1423" s="24" t="s">
        <v>2740</v>
      </c>
      <c r="C1423" s="10" t="s">
        <v>2516</v>
      </c>
      <c r="D1423" s="9" t="s">
        <v>2741</v>
      </c>
      <c r="E1423" s="24" t="s">
        <v>44</v>
      </c>
      <c r="F1423" s="11">
        <v>47483</v>
      </c>
    </row>
    <row r="1424" spans="1:6" ht="27.75" customHeight="1">
      <c r="A1424" s="15" t="s">
        <v>2781</v>
      </c>
      <c r="B1424" s="13" t="s">
        <v>2740</v>
      </c>
      <c r="C1424" s="10" t="s">
        <v>2516</v>
      </c>
      <c r="D1424" s="9" t="s">
        <v>2741</v>
      </c>
      <c r="E1424" s="13" t="s">
        <v>288</v>
      </c>
      <c r="F1424" s="11">
        <v>47422</v>
      </c>
    </row>
    <row r="1425" spans="1:6" ht="27.75" customHeight="1">
      <c r="A1425" s="12" t="s">
        <v>2782</v>
      </c>
      <c r="B1425" s="13" t="s">
        <v>2740</v>
      </c>
      <c r="C1425" s="10" t="s">
        <v>2516</v>
      </c>
      <c r="D1425" s="13" t="s">
        <v>2741</v>
      </c>
      <c r="E1425" s="13" t="s">
        <v>393</v>
      </c>
      <c r="F1425" s="11">
        <v>47269</v>
      </c>
    </row>
    <row r="1426" spans="1:6" ht="27.75" customHeight="1">
      <c r="A1426" s="8" t="s">
        <v>2783</v>
      </c>
      <c r="B1426" s="9" t="s">
        <v>2740</v>
      </c>
      <c r="C1426" s="10" t="s">
        <v>2516</v>
      </c>
      <c r="D1426" s="9" t="s">
        <v>2741</v>
      </c>
      <c r="E1426" s="9" t="s">
        <v>228</v>
      </c>
      <c r="F1426" s="11">
        <v>46112</v>
      </c>
    </row>
    <row r="1427" spans="1:6" ht="27.75" customHeight="1">
      <c r="A1427" s="14" t="s">
        <v>2784</v>
      </c>
      <c r="B1427" s="9" t="s">
        <v>2740</v>
      </c>
      <c r="C1427" s="10" t="s">
        <v>2516</v>
      </c>
      <c r="D1427" s="9" t="s">
        <v>2741</v>
      </c>
      <c r="E1427" s="9" t="s">
        <v>25</v>
      </c>
      <c r="F1427" s="11">
        <v>47726</v>
      </c>
    </row>
    <row r="1428" spans="1:6" ht="27.75" customHeight="1">
      <c r="A1428" s="12" t="s">
        <v>2785</v>
      </c>
      <c r="B1428" s="13" t="s">
        <v>2740</v>
      </c>
      <c r="C1428" s="10" t="s">
        <v>2516</v>
      </c>
      <c r="D1428" s="13" t="s">
        <v>2741</v>
      </c>
      <c r="E1428" s="13" t="s">
        <v>111</v>
      </c>
      <c r="F1428" s="11">
        <v>46112</v>
      </c>
    </row>
    <row r="1429" spans="1:6" ht="27.75" customHeight="1">
      <c r="A1429" s="12" t="s">
        <v>2786</v>
      </c>
      <c r="B1429" s="13" t="s">
        <v>2787</v>
      </c>
      <c r="C1429" s="10" t="s">
        <v>2516</v>
      </c>
      <c r="D1429" s="13" t="s">
        <v>2788</v>
      </c>
      <c r="E1429" s="13" t="s">
        <v>21</v>
      </c>
      <c r="F1429" s="11">
        <v>46173</v>
      </c>
    </row>
    <row r="1430" spans="1:6" ht="27.75" customHeight="1">
      <c r="A1430" s="14" t="s">
        <v>2789</v>
      </c>
      <c r="B1430" s="9" t="s">
        <v>2790</v>
      </c>
      <c r="C1430" s="10" t="s">
        <v>2516</v>
      </c>
      <c r="D1430" s="9" t="s">
        <v>2788</v>
      </c>
      <c r="E1430" s="9" t="s">
        <v>111</v>
      </c>
      <c r="F1430" s="11">
        <v>47756</v>
      </c>
    </row>
    <row r="1431" spans="1:6" ht="27.75" customHeight="1">
      <c r="A1431" s="14" t="s">
        <v>2791</v>
      </c>
      <c r="B1431" s="9" t="s">
        <v>2792</v>
      </c>
      <c r="C1431" s="10" t="s">
        <v>2793</v>
      </c>
      <c r="D1431" s="9" t="s">
        <v>2794</v>
      </c>
      <c r="E1431" s="9" t="s">
        <v>2795</v>
      </c>
      <c r="F1431" s="11">
        <v>46326</v>
      </c>
    </row>
    <row r="1432" spans="1:6" ht="27.75" customHeight="1">
      <c r="A1432" s="17" t="s">
        <v>2796</v>
      </c>
      <c r="B1432" s="9" t="s">
        <v>2797</v>
      </c>
      <c r="C1432" s="10" t="s">
        <v>2793</v>
      </c>
      <c r="D1432" s="9" t="s">
        <v>2798</v>
      </c>
      <c r="E1432" s="9" t="s">
        <v>300</v>
      </c>
      <c r="F1432" s="11">
        <v>47422</v>
      </c>
    </row>
    <row r="1433" spans="1:6" ht="27.75" customHeight="1">
      <c r="A1433" s="15" t="s">
        <v>2799</v>
      </c>
      <c r="B1433" s="13" t="s">
        <v>2800</v>
      </c>
      <c r="C1433" s="10" t="s">
        <v>2793</v>
      </c>
      <c r="D1433" s="9" t="s">
        <v>2801</v>
      </c>
      <c r="E1433" s="13" t="s">
        <v>991</v>
      </c>
      <c r="F1433" s="11">
        <v>47514</v>
      </c>
    </row>
    <row r="1434" spans="1:6" ht="27.75" customHeight="1">
      <c r="A1434" s="14" t="s">
        <v>2802</v>
      </c>
      <c r="B1434" s="9" t="s">
        <v>2803</v>
      </c>
      <c r="C1434" s="10" t="s">
        <v>2793</v>
      </c>
      <c r="D1434" s="9" t="s">
        <v>2804</v>
      </c>
      <c r="E1434" s="9" t="s">
        <v>2805</v>
      </c>
      <c r="F1434" s="11">
        <v>46295</v>
      </c>
    </row>
    <row r="1435" spans="1:6" ht="27.75" customHeight="1">
      <c r="A1435" s="14" t="s">
        <v>2806</v>
      </c>
      <c r="B1435" s="9" t="s">
        <v>2807</v>
      </c>
      <c r="C1435" s="10" t="s">
        <v>2793</v>
      </c>
      <c r="D1435" s="9" t="s">
        <v>2808</v>
      </c>
      <c r="E1435" s="9" t="s">
        <v>11</v>
      </c>
      <c r="F1435" s="11">
        <v>46446</v>
      </c>
    </row>
    <row r="1436" spans="1:6" ht="27.75" customHeight="1">
      <c r="A1436" s="14" t="s">
        <v>2809</v>
      </c>
      <c r="B1436" s="9" t="s">
        <v>2810</v>
      </c>
      <c r="C1436" s="10" t="s">
        <v>2793</v>
      </c>
      <c r="D1436" s="9" t="s">
        <v>2811</v>
      </c>
      <c r="E1436" s="9" t="s">
        <v>115</v>
      </c>
      <c r="F1436" s="11">
        <v>47422</v>
      </c>
    </row>
    <row r="1437" spans="1:6" ht="27.75" customHeight="1">
      <c r="A1437" s="14" t="s">
        <v>2812</v>
      </c>
      <c r="B1437" s="9" t="s">
        <v>2813</v>
      </c>
      <c r="C1437" s="10" t="s">
        <v>2793</v>
      </c>
      <c r="D1437" s="9" t="s">
        <v>2814</v>
      </c>
      <c r="E1437" s="9" t="s">
        <v>63</v>
      </c>
      <c r="F1437" s="11">
        <v>46934</v>
      </c>
    </row>
    <row r="1438" spans="1:6" ht="27.75" customHeight="1">
      <c r="A1438" s="15" t="s">
        <v>2815</v>
      </c>
      <c r="B1438" s="13" t="s">
        <v>2813</v>
      </c>
      <c r="C1438" s="10" t="s">
        <v>2793</v>
      </c>
      <c r="D1438" s="9" t="s">
        <v>2814</v>
      </c>
      <c r="E1438" s="13" t="s">
        <v>63</v>
      </c>
      <c r="F1438" s="11">
        <v>46538</v>
      </c>
    </row>
    <row r="1439" spans="1:6" ht="27.75" customHeight="1">
      <c r="A1439" s="12" t="s">
        <v>2816</v>
      </c>
      <c r="B1439" s="18" t="s">
        <v>2813</v>
      </c>
      <c r="C1439" s="10" t="s">
        <v>2793</v>
      </c>
      <c r="D1439" s="18" t="s">
        <v>2814</v>
      </c>
      <c r="E1439" s="18" t="s">
        <v>2817</v>
      </c>
      <c r="F1439" s="19">
        <v>47422</v>
      </c>
    </row>
    <row r="1440" spans="1:6" ht="27.75" customHeight="1">
      <c r="A1440" s="14" t="s">
        <v>2818</v>
      </c>
      <c r="B1440" s="9" t="s">
        <v>2819</v>
      </c>
      <c r="C1440" s="10" t="s">
        <v>2793</v>
      </c>
      <c r="D1440" s="9" t="s">
        <v>2820</v>
      </c>
      <c r="E1440" s="9" t="s">
        <v>369</v>
      </c>
      <c r="F1440" s="11">
        <v>47726</v>
      </c>
    </row>
    <row r="1441" spans="1:6" ht="27.75" customHeight="1">
      <c r="A1441" s="14" t="s">
        <v>4731</v>
      </c>
      <c r="B1441" s="9" t="s">
        <v>2821</v>
      </c>
      <c r="C1441" s="10" t="s">
        <v>2793</v>
      </c>
      <c r="D1441" s="9" t="s">
        <v>2822</v>
      </c>
      <c r="E1441" s="9" t="s">
        <v>253</v>
      </c>
      <c r="F1441" s="11">
        <v>46234</v>
      </c>
    </row>
    <row r="1442" spans="1:6" ht="27.75" customHeight="1">
      <c r="A1442" s="12" t="s">
        <v>2823</v>
      </c>
      <c r="B1442" s="13" t="s">
        <v>2821</v>
      </c>
      <c r="C1442" s="10" t="s">
        <v>2793</v>
      </c>
      <c r="D1442" s="13" t="s">
        <v>2822</v>
      </c>
      <c r="E1442" s="13" t="s">
        <v>40</v>
      </c>
      <c r="F1442" s="11">
        <v>47603</v>
      </c>
    </row>
    <row r="1443" spans="1:6" ht="27.75" customHeight="1">
      <c r="A1443" s="14" t="s">
        <v>2824</v>
      </c>
      <c r="B1443" s="9" t="s">
        <v>2821</v>
      </c>
      <c r="C1443" s="10" t="s">
        <v>2793</v>
      </c>
      <c r="D1443" s="9" t="s">
        <v>2822</v>
      </c>
      <c r="E1443" s="9" t="s">
        <v>2825</v>
      </c>
      <c r="F1443" s="11">
        <v>46142</v>
      </c>
    </row>
    <row r="1444" spans="1:6" ht="27.75" customHeight="1">
      <c r="A1444" s="15" t="s">
        <v>2826</v>
      </c>
      <c r="B1444" s="13" t="s">
        <v>2821</v>
      </c>
      <c r="C1444" s="10" t="s">
        <v>2793</v>
      </c>
      <c r="D1444" s="9" t="s">
        <v>2822</v>
      </c>
      <c r="E1444" s="13" t="s">
        <v>21</v>
      </c>
      <c r="F1444" s="11">
        <v>47422</v>
      </c>
    </row>
    <row r="1445" spans="1:6" ht="27.75" customHeight="1">
      <c r="A1445" s="17" t="s">
        <v>2827</v>
      </c>
      <c r="B1445" s="9" t="s">
        <v>2821</v>
      </c>
      <c r="C1445" s="10" t="s">
        <v>2793</v>
      </c>
      <c r="D1445" s="9" t="s">
        <v>2822</v>
      </c>
      <c r="E1445" s="9" t="s">
        <v>659</v>
      </c>
      <c r="F1445" s="11">
        <v>47361</v>
      </c>
    </row>
    <row r="1446" spans="1:6" ht="27.75" customHeight="1">
      <c r="A1446" s="12" t="s">
        <v>2828</v>
      </c>
      <c r="B1446" s="13" t="s">
        <v>2829</v>
      </c>
      <c r="C1446" s="10" t="s">
        <v>2793</v>
      </c>
      <c r="D1446" s="13" t="s">
        <v>2830</v>
      </c>
      <c r="E1446" s="13" t="s">
        <v>44</v>
      </c>
      <c r="F1446" s="11">
        <v>47634</v>
      </c>
    </row>
    <row r="1447" spans="1:6" ht="27.75" customHeight="1">
      <c r="A1447" s="14" t="s">
        <v>2831</v>
      </c>
      <c r="B1447" s="9" t="s">
        <v>2829</v>
      </c>
      <c r="C1447" s="10" t="s">
        <v>2793</v>
      </c>
      <c r="D1447" s="9" t="s">
        <v>2830</v>
      </c>
      <c r="E1447" s="9" t="s">
        <v>21</v>
      </c>
      <c r="F1447" s="11">
        <v>46812</v>
      </c>
    </row>
    <row r="1448" spans="1:6" ht="27.75" customHeight="1">
      <c r="A1448" s="15" t="s">
        <v>2832</v>
      </c>
      <c r="B1448" s="9" t="s">
        <v>2833</v>
      </c>
      <c r="C1448" s="10" t="s">
        <v>2793</v>
      </c>
      <c r="D1448" s="9" t="s">
        <v>2834</v>
      </c>
      <c r="E1448" s="13" t="s">
        <v>40</v>
      </c>
      <c r="F1448" s="11">
        <v>47238</v>
      </c>
    </row>
    <row r="1449" spans="1:6" ht="27.75" customHeight="1">
      <c r="A1449" s="14" t="s">
        <v>2835</v>
      </c>
      <c r="B1449" s="9" t="s">
        <v>2836</v>
      </c>
      <c r="C1449" s="10" t="s">
        <v>2793</v>
      </c>
      <c r="D1449" s="9" t="s">
        <v>2837</v>
      </c>
      <c r="E1449" s="9" t="s">
        <v>44</v>
      </c>
      <c r="F1449" s="11">
        <v>47422</v>
      </c>
    </row>
    <row r="1450" spans="1:6" ht="27.75" customHeight="1">
      <c r="A1450" s="14" t="s">
        <v>2838</v>
      </c>
      <c r="B1450" s="9" t="s">
        <v>2839</v>
      </c>
      <c r="C1450" s="10" t="s">
        <v>2793</v>
      </c>
      <c r="D1450" s="9" t="s">
        <v>2840</v>
      </c>
      <c r="E1450" s="9" t="s">
        <v>2841</v>
      </c>
      <c r="F1450" s="11">
        <v>46904</v>
      </c>
    </row>
    <row r="1451" spans="1:6" ht="27.75" customHeight="1">
      <c r="A1451" s="14" t="s">
        <v>2842</v>
      </c>
      <c r="B1451" s="9" t="s">
        <v>2839</v>
      </c>
      <c r="C1451" s="10" t="s">
        <v>2793</v>
      </c>
      <c r="D1451" s="9" t="s">
        <v>2840</v>
      </c>
      <c r="E1451" s="9" t="s">
        <v>21</v>
      </c>
      <c r="F1451" s="11">
        <v>47422</v>
      </c>
    </row>
    <row r="1452" spans="1:6" ht="27.75" customHeight="1">
      <c r="A1452" s="14" t="s">
        <v>2843</v>
      </c>
      <c r="B1452" s="9" t="s">
        <v>2844</v>
      </c>
      <c r="C1452" s="10" t="s">
        <v>2793</v>
      </c>
      <c r="D1452" s="9" t="s">
        <v>2845</v>
      </c>
      <c r="E1452" s="9" t="s">
        <v>288</v>
      </c>
      <c r="F1452" s="11">
        <v>47422</v>
      </c>
    </row>
    <row r="1453" spans="1:6" ht="27.75" customHeight="1">
      <c r="A1453" s="12" t="s">
        <v>2846</v>
      </c>
      <c r="B1453" s="13" t="s">
        <v>2847</v>
      </c>
      <c r="C1453" s="10" t="s">
        <v>2793</v>
      </c>
      <c r="D1453" s="13" t="s">
        <v>2848</v>
      </c>
      <c r="E1453" s="13" t="s">
        <v>21</v>
      </c>
      <c r="F1453" s="11">
        <v>47422</v>
      </c>
    </row>
    <row r="1454" spans="1:6" ht="27.75" customHeight="1">
      <c r="A1454" s="8" t="s">
        <v>2849</v>
      </c>
      <c r="B1454" s="9" t="s">
        <v>2847</v>
      </c>
      <c r="C1454" s="10" t="s">
        <v>2793</v>
      </c>
      <c r="D1454" s="9" t="s">
        <v>2848</v>
      </c>
      <c r="E1454" s="9" t="s">
        <v>21</v>
      </c>
      <c r="F1454" s="11">
        <v>47664</v>
      </c>
    </row>
    <row r="1455" spans="1:6" ht="27.75" customHeight="1">
      <c r="A1455" s="12" t="s">
        <v>2850</v>
      </c>
      <c r="B1455" s="13" t="s">
        <v>2851</v>
      </c>
      <c r="C1455" s="10" t="s">
        <v>2793</v>
      </c>
      <c r="D1455" s="13" t="s">
        <v>2852</v>
      </c>
      <c r="E1455" s="13" t="s">
        <v>40</v>
      </c>
      <c r="F1455" s="11">
        <v>47514</v>
      </c>
    </row>
    <row r="1456" spans="1:6" ht="27.75" customHeight="1">
      <c r="A1456" s="12" t="s">
        <v>2853</v>
      </c>
      <c r="B1456" s="18" t="s">
        <v>2854</v>
      </c>
      <c r="C1456" s="10" t="s">
        <v>2793</v>
      </c>
      <c r="D1456" s="18" t="s">
        <v>2855</v>
      </c>
      <c r="E1456" s="18" t="s">
        <v>97</v>
      </c>
      <c r="F1456" s="19">
        <v>46934</v>
      </c>
    </row>
    <row r="1457" spans="1:6" ht="27.75" customHeight="1">
      <c r="A1457" s="8" t="s">
        <v>2856</v>
      </c>
      <c r="B1457" s="13" t="s">
        <v>2857</v>
      </c>
      <c r="C1457" s="10" t="s">
        <v>2793</v>
      </c>
      <c r="D1457" s="13" t="s">
        <v>2858</v>
      </c>
      <c r="E1457" s="13" t="s">
        <v>63</v>
      </c>
      <c r="F1457" s="11">
        <v>47664</v>
      </c>
    </row>
    <row r="1458" spans="1:6" ht="27.75" customHeight="1">
      <c r="A1458" s="15" t="s">
        <v>2859</v>
      </c>
      <c r="B1458" s="13" t="s">
        <v>2857</v>
      </c>
      <c r="C1458" s="10" t="s">
        <v>2793</v>
      </c>
      <c r="D1458" s="9" t="s">
        <v>2858</v>
      </c>
      <c r="E1458" s="13" t="s">
        <v>63</v>
      </c>
      <c r="F1458" s="11">
        <v>47664</v>
      </c>
    </row>
    <row r="1459" spans="1:6" ht="27.75" customHeight="1">
      <c r="A1459" s="8" t="s">
        <v>2860</v>
      </c>
      <c r="B1459" s="9" t="s">
        <v>2861</v>
      </c>
      <c r="C1459" s="10" t="s">
        <v>2793</v>
      </c>
      <c r="D1459" s="9" t="s">
        <v>2862</v>
      </c>
      <c r="E1459" s="9" t="s">
        <v>11</v>
      </c>
      <c r="F1459" s="11">
        <v>47057</v>
      </c>
    </row>
    <row r="1460" spans="1:6" ht="27.75" customHeight="1">
      <c r="A1460" s="12" t="s">
        <v>2863</v>
      </c>
      <c r="B1460" s="13" t="s">
        <v>2864</v>
      </c>
      <c r="C1460" s="10" t="s">
        <v>2793</v>
      </c>
      <c r="D1460" s="13" t="s">
        <v>2865</v>
      </c>
      <c r="E1460" s="13" t="s">
        <v>17</v>
      </c>
      <c r="F1460" s="11">
        <v>47422</v>
      </c>
    </row>
    <row r="1461" spans="1:6" ht="27.75" customHeight="1">
      <c r="A1461" s="12" t="s">
        <v>2866</v>
      </c>
      <c r="B1461" s="13" t="s">
        <v>2867</v>
      </c>
      <c r="C1461" s="10" t="s">
        <v>2793</v>
      </c>
      <c r="D1461" s="13" t="s">
        <v>2868</v>
      </c>
      <c r="E1461" s="13" t="s">
        <v>17</v>
      </c>
      <c r="F1461" s="11">
        <v>47422</v>
      </c>
    </row>
    <row r="1462" spans="1:6" ht="27.75" customHeight="1">
      <c r="A1462" s="14" t="s">
        <v>2869</v>
      </c>
      <c r="B1462" s="9" t="s">
        <v>2870</v>
      </c>
      <c r="C1462" s="10" t="s">
        <v>2793</v>
      </c>
      <c r="D1462" s="9" t="s">
        <v>2871</v>
      </c>
      <c r="E1462" s="9" t="s">
        <v>205</v>
      </c>
      <c r="F1462" s="11">
        <v>47422</v>
      </c>
    </row>
    <row r="1463" spans="1:6" ht="27.75" customHeight="1">
      <c r="A1463" s="12" t="s">
        <v>2872</v>
      </c>
      <c r="B1463" s="9" t="s">
        <v>2873</v>
      </c>
      <c r="C1463" s="10" t="s">
        <v>2793</v>
      </c>
      <c r="D1463" s="13" t="s">
        <v>2874</v>
      </c>
      <c r="E1463" s="13" t="s">
        <v>86</v>
      </c>
      <c r="F1463" s="11">
        <v>47664</v>
      </c>
    </row>
    <row r="1464" spans="1:6" ht="27.75" customHeight="1">
      <c r="A1464" s="12" t="s">
        <v>2875</v>
      </c>
      <c r="B1464" s="9" t="s">
        <v>2876</v>
      </c>
      <c r="C1464" s="10" t="s">
        <v>2793</v>
      </c>
      <c r="D1464" s="13" t="s">
        <v>2877</v>
      </c>
      <c r="E1464" s="13" t="s">
        <v>86</v>
      </c>
      <c r="F1464" s="11">
        <v>47422</v>
      </c>
    </row>
    <row r="1465" spans="1:6" ht="27.75" customHeight="1">
      <c r="A1465" s="17" t="s">
        <v>2878</v>
      </c>
      <c r="B1465" s="9" t="s">
        <v>2879</v>
      </c>
      <c r="C1465" s="10" t="s">
        <v>2793</v>
      </c>
      <c r="D1465" s="9" t="s">
        <v>2880</v>
      </c>
      <c r="E1465" s="9" t="s">
        <v>40</v>
      </c>
      <c r="F1465" s="11">
        <v>47422</v>
      </c>
    </row>
    <row r="1466" spans="1:6" ht="27.75" customHeight="1">
      <c r="A1466" s="17" t="s">
        <v>2881</v>
      </c>
      <c r="B1466" s="9" t="s">
        <v>2882</v>
      </c>
      <c r="C1466" s="10" t="s">
        <v>2793</v>
      </c>
      <c r="D1466" s="9" t="s">
        <v>2883</v>
      </c>
      <c r="E1466" s="9" t="s">
        <v>605</v>
      </c>
      <c r="F1466" s="11">
        <v>47573</v>
      </c>
    </row>
    <row r="1467" spans="1:6" ht="27.75" customHeight="1">
      <c r="A1467" s="8" t="s">
        <v>2884</v>
      </c>
      <c r="B1467" s="9" t="s">
        <v>2885</v>
      </c>
      <c r="C1467" s="10" t="s">
        <v>2793</v>
      </c>
      <c r="D1467" s="9" t="s">
        <v>2886</v>
      </c>
      <c r="E1467" s="9" t="s">
        <v>21</v>
      </c>
      <c r="F1467" s="11">
        <v>47422</v>
      </c>
    </row>
    <row r="1468" spans="1:6" ht="27.75" customHeight="1">
      <c r="A1468" s="8" t="s">
        <v>2887</v>
      </c>
      <c r="B1468" s="9" t="s">
        <v>2888</v>
      </c>
      <c r="C1468" s="10" t="s">
        <v>2793</v>
      </c>
      <c r="D1468" s="9" t="s">
        <v>2889</v>
      </c>
      <c r="E1468" s="9" t="s">
        <v>11</v>
      </c>
      <c r="F1468" s="11">
        <v>47422</v>
      </c>
    </row>
    <row r="1469" spans="1:6" ht="27.75" customHeight="1">
      <c r="A1469" s="12" t="s">
        <v>2890</v>
      </c>
      <c r="B1469" s="13" t="s">
        <v>2891</v>
      </c>
      <c r="C1469" s="10" t="s">
        <v>2793</v>
      </c>
      <c r="D1469" s="13" t="s">
        <v>2892</v>
      </c>
      <c r="E1469" s="13" t="s">
        <v>86</v>
      </c>
      <c r="F1469" s="11">
        <v>47452</v>
      </c>
    </row>
    <row r="1470" spans="1:6" ht="27.75" customHeight="1">
      <c r="A1470" s="8" t="s">
        <v>2893</v>
      </c>
      <c r="B1470" s="9" t="s">
        <v>2894</v>
      </c>
      <c r="C1470" s="10" t="s">
        <v>2793</v>
      </c>
      <c r="D1470" s="9" t="s">
        <v>2895</v>
      </c>
      <c r="E1470" s="9" t="s">
        <v>17</v>
      </c>
      <c r="F1470" s="11">
        <v>47422</v>
      </c>
    </row>
    <row r="1471" spans="1:6" ht="27.75" customHeight="1">
      <c r="A1471" s="14" t="s">
        <v>2896</v>
      </c>
      <c r="B1471" s="9" t="s">
        <v>2897</v>
      </c>
      <c r="C1471" s="10" t="s">
        <v>2793</v>
      </c>
      <c r="D1471" s="9" t="s">
        <v>2898</v>
      </c>
      <c r="E1471" s="9" t="s">
        <v>393</v>
      </c>
      <c r="F1471" s="11">
        <v>47514</v>
      </c>
    </row>
    <row r="1472" spans="1:6" ht="27.75" customHeight="1">
      <c r="A1472" s="8" t="s">
        <v>2899</v>
      </c>
      <c r="B1472" s="13" t="s">
        <v>2900</v>
      </c>
      <c r="C1472" s="10" t="s">
        <v>2901</v>
      </c>
      <c r="D1472" s="13" t="s">
        <v>2902</v>
      </c>
      <c r="E1472" s="13" t="s">
        <v>21</v>
      </c>
      <c r="F1472" s="11">
        <v>47452</v>
      </c>
    </row>
    <row r="1473" spans="1:6" ht="27.75" customHeight="1">
      <c r="A1473" s="14" t="s">
        <v>2903</v>
      </c>
      <c r="B1473" s="9" t="s">
        <v>2900</v>
      </c>
      <c r="C1473" s="10" t="s">
        <v>2901</v>
      </c>
      <c r="D1473" s="9" t="s">
        <v>2902</v>
      </c>
      <c r="E1473" s="9" t="s">
        <v>21</v>
      </c>
      <c r="F1473" s="11">
        <v>47452</v>
      </c>
    </row>
    <row r="1474" spans="1:6" ht="27.75" customHeight="1">
      <c r="A1474" s="12" t="s">
        <v>2904</v>
      </c>
      <c r="B1474" s="13" t="s">
        <v>2905</v>
      </c>
      <c r="C1474" s="10" t="s">
        <v>2901</v>
      </c>
      <c r="D1474" s="13" t="s">
        <v>2906</v>
      </c>
      <c r="E1474" s="13" t="s">
        <v>393</v>
      </c>
      <c r="F1474" s="11">
        <v>47299</v>
      </c>
    </row>
    <row r="1475" spans="1:6" ht="27.75" customHeight="1">
      <c r="A1475" s="12" t="s">
        <v>2907</v>
      </c>
      <c r="B1475" s="13" t="s">
        <v>2908</v>
      </c>
      <c r="C1475" s="10" t="s">
        <v>2901</v>
      </c>
      <c r="D1475" s="13" t="s">
        <v>2909</v>
      </c>
      <c r="E1475" s="9" t="s">
        <v>398</v>
      </c>
      <c r="F1475" s="11">
        <v>47269</v>
      </c>
    </row>
    <row r="1476" spans="1:6" ht="27.75" customHeight="1">
      <c r="A1476" s="14" t="s">
        <v>2910</v>
      </c>
      <c r="B1476" s="9" t="s">
        <v>2908</v>
      </c>
      <c r="C1476" s="10" t="s">
        <v>2901</v>
      </c>
      <c r="D1476" s="9" t="s">
        <v>2909</v>
      </c>
      <c r="E1476" s="9" t="s">
        <v>398</v>
      </c>
      <c r="F1476" s="11">
        <v>47269</v>
      </c>
    </row>
    <row r="1477" spans="1:6" ht="27.75" customHeight="1">
      <c r="A1477" s="15" t="s">
        <v>2911</v>
      </c>
      <c r="B1477" s="13" t="s">
        <v>2908</v>
      </c>
      <c r="C1477" s="10" t="s">
        <v>2901</v>
      </c>
      <c r="D1477" s="9" t="s">
        <v>2909</v>
      </c>
      <c r="E1477" s="13" t="s">
        <v>398</v>
      </c>
      <c r="F1477" s="11">
        <v>47422</v>
      </c>
    </row>
    <row r="1478" spans="1:6" ht="27.75" customHeight="1">
      <c r="A1478" s="12" t="s">
        <v>2912</v>
      </c>
      <c r="B1478" s="13" t="s">
        <v>2908</v>
      </c>
      <c r="C1478" s="10" t="s">
        <v>2901</v>
      </c>
      <c r="D1478" s="13" t="s">
        <v>2909</v>
      </c>
      <c r="E1478" s="13" t="s">
        <v>398</v>
      </c>
      <c r="F1478" s="11">
        <v>47269</v>
      </c>
    </row>
    <row r="1479" spans="1:6" ht="27.75" customHeight="1">
      <c r="A1479" s="14" t="s">
        <v>2913</v>
      </c>
      <c r="B1479" s="9" t="s">
        <v>2908</v>
      </c>
      <c r="C1479" s="10" t="s">
        <v>2901</v>
      </c>
      <c r="D1479" s="9" t="s">
        <v>2909</v>
      </c>
      <c r="E1479" s="9" t="s">
        <v>398</v>
      </c>
      <c r="F1479" s="11">
        <v>47422</v>
      </c>
    </row>
    <row r="1480" spans="1:6" ht="27.75" customHeight="1">
      <c r="A1480" s="8" t="s">
        <v>2914</v>
      </c>
      <c r="B1480" s="13" t="s">
        <v>2915</v>
      </c>
      <c r="C1480" s="10" t="s">
        <v>2901</v>
      </c>
      <c r="D1480" s="13" t="s">
        <v>2916</v>
      </c>
      <c r="E1480" s="13" t="s">
        <v>75</v>
      </c>
      <c r="F1480" s="11">
        <v>47422</v>
      </c>
    </row>
    <row r="1481" spans="1:6" ht="27.75" customHeight="1">
      <c r="A1481" s="14" t="s">
        <v>2917</v>
      </c>
      <c r="B1481" s="9" t="s">
        <v>2918</v>
      </c>
      <c r="C1481" s="10" t="s">
        <v>2901</v>
      </c>
      <c r="D1481" s="9" t="s">
        <v>2919</v>
      </c>
      <c r="E1481" s="9" t="s">
        <v>40</v>
      </c>
      <c r="F1481" s="11">
        <v>47422</v>
      </c>
    </row>
    <row r="1482" spans="1:6" ht="27.75" customHeight="1">
      <c r="A1482" s="8" t="s">
        <v>2920</v>
      </c>
      <c r="B1482" s="13" t="s">
        <v>2921</v>
      </c>
      <c r="C1482" s="10" t="s">
        <v>2901</v>
      </c>
      <c r="D1482" s="13" t="s">
        <v>2922</v>
      </c>
      <c r="E1482" s="13" t="s">
        <v>2923</v>
      </c>
      <c r="F1482" s="11">
        <v>47422</v>
      </c>
    </row>
    <row r="1483" spans="1:6" ht="27.75" customHeight="1">
      <c r="A1483" s="12" t="s">
        <v>2924</v>
      </c>
      <c r="B1483" s="18" t="s">
        <v>2925</v>
      </c>
      <c r="C1483" s="10" t="s">
        <v>2901</v>
      </c>
      <c r="D1483" s="18" t="s">
        <v>2926</v>
      </c>
      <c r="E1483" s="18" t="s">
        <v>63</v>
      </c>
      <c r="F1483" s="19">
        <v>46203</v>
      </c>
    </row>
    <row r="1484" spans="1:6" s="32" customFormat="1" ht="27.75" customHeight="1">
      <c r="A1484" s="14" t="s">
        <v>2927</v>
      </c>
      <c r="B1484" s="9" t="s">
        <v>2928</v>
      </c>
      <c r="C1484" s="10" t="s">
        <v>2901</v>
      </c>
      <c r="D1484" s="9" t="s">
        <v>2929</v>
      </c>
      <c r="E1484" s="9" t="s">
        <v>63</v>
      </c>
      <c r="F1484" s="11">
        <v>47238</v>
      </c>
    </row>
    <row r="1485" spans="1:6" s="32" customFormat="1" ht="27.75" customHeight="1">
      <c r="A1485" s="23" t="s">
        <v>2930</v>
      </c>
      <c r="B1485" s="24" t="s">
        <v>2931</v>
      </c>
      <c r="C1485" s="10" t="s">
        <v>2901</v>
      </c>
      <c r="D1485" s="9" t="s">
        <v>2932</v>
      </c>
      <c r="E1485" s="24" t="s">
        <v>40</v>
      </c>
      <c r="F1485" s="11">
        <v>47452</v>
      </c>
    </row>
    <row r="1486" spans="1:6" s="32" customFormat="1" ht="27.75" customHeight="1">
      <c r="A1486" s="14" t="s">
        <v>2933</v>
      </c>
      <c r="B1486" s="9" t="s">
        <v>2934</v>
      </c>
      <c r="C1486" s="10" t="s">
        <v>2901</v>
      </c>
      <c r="D1486" s="9" t="s">
        <v>2935</v>
      </c>
      <c r="E1486" s="9" t="s">
        <v>17</v>
      </c>
      <c r="F1486" s="11">
        <v>47422</v>
      </c>
    </row>
    <row r="1487" spans="1:6" s="32" customFormat="1" ht="27.75" customHeight="1">
      <c r="A1487" s="14" t="s">
        <v>2936</v>
      </c>
      <c r="B1487" s="24" t="s">
        <v>2937</v>
      </c>
      <c r="C1487" s="10" t="s">
        <v>2901</v>
      </c>
      <c r="D1487" s="9" t="s">
        <v>2938</v>
      </c>
      <c r="E1487" s="9" t="s">
        <v>21</v>
      </c>
      <c r="F1487" s="11">
        <v>47542</v>
      </c>
    </row>
    <row r="1488" spans="1:6" s="32" customFormat="1" ht="27.75" customHeight="1">
      <c r="A1488" s="14" t="s">
        <v>2939</v>
      </c>
      <c r="B1488" s="9" t="s">
        <v>2940</v>
      </c>
      <c r="C1488" s="10" t="s">
        <v>2901</v>
      </c>
      <c r="D1488" s="9" t="s">
        <v>2941</v>
      </c>
      <c r="E1488" s="9" t="s">
        <v>21</v>
      </c>
      <c r="F1488" s="11">
        <v>47452</v>
      </c>
    </row>
    <row r="1489" spans="1:6" s="32" customFormat="1" ht="27.75" customHeight="1">
      <c r="A1489" s="12" t="s">
        <v>2942</v>
      </c>
      <c r="B1489" s="13" t="s">
        <v>2940</v>
      </c>
      <c r="C1489" s="10" t="s">
        <v>2901</v>
      </c>
      <c r="D1489" s="13" t="s">
        <v>2941</v>
      </c>
      <c r="E1489" s="13" t="s">
        <v>393</v>
      </c>
      <c r="F1489" s="11">
        <v>46812</v>
      </c>
    </row>
    <row r="1490" spans="1:6" s="32" customFormat="1" ht="27.75" customHeight="1">
      <c r="A1490" s="23" t="s">
        <v>2943</v>
      </c>
      <c r="B1490" s="24" t="s">
        <v>2940</v>
      </c>
      <c r="C1490" s="10" t="s">
        <v>2901</v>
      </c>
      <c r="D1490" s="9" t="s">
        <v>2941</v>
      </c>
      <c r="E1490" s="24" t="s">
        <v>21</v>
      </c>
      <c r="F1490" s="11">
        <v>47603</v>
      </c>
    </row>
    <row r="1491" spans="1:6" s="32" customFormat="1" ht="27.75" customHeight="1">
      <c r="A1491" s="12" t="s">
        <v>2944</v>
      </c>
      <c r="B1491" s="13" t="s">
        <v>2940</v>
      </c>
      <c r="C1491" s="10" t="s">
        <v>2901</v>
      </c>
      <c r="D1491" s="13" t="s">
        <v>2941</v>
      </c>
      <c r="E1491" s="13" t="s">
        <v>17</v>
      </c>
      <c r="F1491" s="11">
        <v>47452</v>
      </c>
    </row>
    <row r="1492" spans="1:6" s="32" customFormat="1" ht="27.75" customHeight="1">
      <c r="A1492" s="8" t="s">
        <v>2945</v>
      </c>
      <c r="B1492" s="9" t="s">
        <v>2940</v>
      </c>
      <c r="C1492" s="10" t="s">
        <v>2901</v>
      </c>
      <c r="D1492" s="9" t="s">
        <v>2941</v>
      </c>
      <c r="E1492" s="9" t="s">
        <v>40</v>
      </c>
      <c r="F1492" s="11">
        <v>46965</v>
      </c>
    </row>
    <row r="1493" spans="1:6" s="32" customFormat="1" ht="27.75" customHeight="1">
      <c r="A1493" s="12" t="s">
        <v>2946</v>
      </c>
      <c r="B1493" s="13" t="s">
        <v>2940</v>
      </c>
      <c r="C1493" s="10" t="s">
        <v>2901</v>
      </c>
      <c r="D1493" s="13" t="s">
        <v>2941</v>
      </c>
      <c r="E1493" s="13" t="s">
        <v>228</v>
      </c>
      <c r="F1493" s="11">
        <v>47422</v>
      </c>
    </row>
    <row r="1494" spans="1:6" s="32" customFormat="1" ht="27.75" customHeight="1">
      <c r="A1494" s="12" t="s">
        <v>2947</v>
      </c>
      <c r="B1494" s="13" t="s">
        <v>2940</v>
      </c>
      <c r="C1494" s="10" t="s">
        <v>2901</v>
      </c>
      <c r="D1494" s="13" t="s">
        <v>2941</v>
      </c>
      <c r="E1494" s="13" t="s">
        <v>228</v>
      </c>
      <c r="F1494" s="11">
        <v>47422</v>
      </c>
    </row>
    <row r="1495" spans="1:6" s="32" customFormat="1" ht="27.75" customHeight="1">
      <c r="A1495" s="8" t="s">
        <v>2948</v>
      </c>
      <c r="B1495" s="9" t="s">
        <v>2940</v>
      </c>
      <c r="C1495" s="10" t="s">
        <v>2901</v>
      </c>
      <c r="D1495" s="9" t="s">
        <v>2941</v>
      </c>
      <c r="E1495" s="9" t="s">
        <v>21</v>
      </c>
      <c r="F1495" s="11">
        <v>47422</v>
      </c>
    </row>
    <row r="1496" spans="1:6" s="32" customFormat="1" ht="27.75" customHeight="1">
      <c r="A1496" s="17" t="s">
        <v>2949</v>
      </c>
      <c r="B1496" s="9" t="s">
        <v>2950</v>
      </c>
      <c r="C1496" s="10" t="s">
        <v>2951</v>
      </c>
      <c r="D1496" s="9" t="s">
        <v>2952</v>
      </c>
      <c r="E1496" s="9" t="s">
        <v>17</v>
      </c>
      <c r="F1496" s="11">
        <v>46387</v>
      </c>
    </row>
    <row r="1497" spans="1:6" s="32" customFormat="1" ht="27.75" customHeight="1">
      <c r="A1497" s="8" t="s">
        <v>2953</v>
      </c>
      <c r="B1497" s="13" t="s">
        <v>2954</v>
      </c>
      <c r="C1497" s="10" t="s">
        <v>2951</v>
      </c>
      <c r="D1497" s="13" t="s">
        <v>2955</v>
      </c>
      <c r="E1497" s="13" t="s">
        <v>97</v>
      </c>
      <c r="F1497" s="11">
        <v>47422</v>
      </c>
    </row>
    <row r="1498" spans="1:6" s="32" customFormat="1" ht="27.75" customHeight="1">
      <c r="A1498" s="14" t="s">
        <v>2956</v>
      </c>
      <c r="B1498" s="9" t="s">
        <v>2957</v>
      </c>
      <c r="C1498" s="10" t="s">
        <v>2951</v>
      </c>
      <c r="D1498" s="9" t="s">
        <v>2958</v>
      </c>
      <c r="E1498" s="9" t="s">
        <v>21</v>
      </c>
      <c r="F1498" s="11">
        <v>47238</v>
      </c>
    </row>
    <row r="1499" spans="1:6" ht="27.75" customHeight="1">
      <c r="A1499" s="14" t="s">
        <v>2959</v>
      </c>
      <c r="B1499" s="9" t="s">
        <v>2960</v>
      </c>
      <c r="C1499" s="10" t="s">
        <v>2951</v>
      </c>
      <c r="D1499" s="9" t="s">
        <v>2961</v>
      </c>
      <c r="E1499" s="9" t="s">
        <v>17</v>
      </c>
      <c r="F1499" s="11">
        <v>47726</v>
      </c>
    </row>
    <row r="1500" spans="1:6" s="32" customFormat="1" ht="27.75" customHeight="1">
      <c r="A1500" s="12" t="s">
        <v>2962</v>
      </c>
      <c r="B1500" s="13" t="s">
        <v>2963</v>
      </c>
      <c r="C1500" s="10" t="s">
        <v>2951</v>
      </c>
      <c r="D1500" s="13" t="s">
        <v>2964</v>
      </c>
      <c r="E1500" s="13" t="s">
        <v>17</v>
      </c>
      <c r="F1500" s="11">
        <v>47422</v>
      </c>
    </row>
    <row r="1501" spans="1:6" s="32" customFormat="1" ht="27.75" customHeight="1">
      <c r="A1501" s="12" t="s">
        <v>2965</v>
      </c>
      <c r="B1501" s="13" t="s">
        <v>2966</v>
      </c>
      <c r="C1501" s="10" t="s">
        <v>2951</v>
      </c>
      <c r="D1501" s="13" t="s">
        <v>2967</v>
      </c>
      <c r="E1501" s="13" t="s">
        <v>21</v>
      </c>
      <c r="F1501" s="11">
        <v>47422</v>
      </c>
    </row>
    <row r="1502" spans="1:6" s="32" customFormat="1" ht="27.75" customHeight="1">
      <c r="A1502" s="14" t="s">
        <v>2968</v>
      </c>
      <c r="B1502" s="9" t="s">
        <v>2966</v>
      </c>
      <c r="C1502" s="10" t="s">
        <v>2951</v>
      </c>
      <c r="D1502" s="9" t="s">
        <v>2969</v>
      </c>
      <c r="E1502" s="9" t="s">
        <v>21</v>
      </c>
      <c r="F1502" s="11">
        <v>46538</v>
      </c>
    </row>
    <row r="1503" spans="1:6" s="32" customFormat="1" ht="27.75" customHeight="1">
      <c r="A1503" s="20" t="s">
        <v>2970</v>
      </c>
      <c r="B1503" s="13" t="s">
        <v>2971</v>
      </c>
      <c r="C1503" s="10" t="s">
        <v>2951</v>
      </c>
      <c r="D1503" s="27" t="s">
        <v>2972</v>
      </c>
      <c r="E1503" s="13" t="s">
        <v>1834</v>
      </c>
      <c r="F1503" s="11">
        <v>46326</v>
      </c>
    </row>
    <row r="1504" spans="1:6" s="32" customFormat="1" ht="27.75" customHeight="1">
      <c r="A1504" s="14" t="s">
        <v>2973</v>
      </c>
      <c r="B1504" s="9" t="s">
        <v>2974</v>
      </c>
      <c r="C1504" s="10" t="s">
        <v>2951</v>
      </c>
      <c r="D1504" s="9" t="s">
        <v>2975</v>
      </c>
      <c r="E1504" s="9" t="s">
        <v>21</v>
      </c>
      <c r="F1504" s="11">
        <v>46477</v>
      </c>
    </row>
    <row r="1505" spans="1:6" s="32" customFormat="1" ht="27.75" customHeight="1">
      <c r="A1505" s="14" t="s">
        <v>2976</v>
      </c>
      <c r="B1505" s="9" t="s">
        <v>2977</v>
      </c>
      <c r="C1505" s="10" t="s">
        <v>2951</v>
      </c>
      <c r="D1505" s="9" t="s">
        <v>2978</v>
      </c>
      <c r="E1505" s="9" t="s">
        <v>75</v>
      </c>
      <c r="F1505" s="11">
        <v>47422</v>
      </c>
    </row>
    <row r="1506" spans="1:6" s="32" customFormat="1" ht="27.75" customHeight="1">
      <c r="A1506" s="8" t="s">
        <v>2979</v>
      </c>
      <c r="B1506" s="9" t="s">
        <v>2980</v>
      </c>
      <c r="C1506" s="10" t="s">
        <v>2951</v>
      </c>
      <c r="D1506" s="9" t="s">
        <v>2981</v>
      </c>
      <c r="E1506" s="9" t="s">
        <v>17</v>
      </c>
      <c r="F1506" s="11">
        <v>47483</v>
      </c>
    </row>
    <row r="1507" spans="1:6" s="32" customFormat="1" ht="27.75" customHeight="1">
      <c r="A1507" s="12" t="s">
        <v>2982</v>
      </c>
      <c r="B1507" s="13" t="s">
        <v>2983</v>
      </c>
      <c r="C1507" s="10" t="s">
        <v>2951</v>
      </c>
      <c r="D1507" s="13" t="s">
        <v>2984</v>
      </c>
      <c r="E1507" s="13" t="s">
        <v>86</v>
      </c>
      <c r="F1507" s="11">
        <v>47422</v>
      </c>
    </row>
    <row r="1508" spans="1:6" s="32" customFormat="1" ht="27.75" customHeight="1">
      <c r="A1508" s="20" t="s">
        <v>2985</v>
      </c>
      <c r="B1508" s="13" t="s">
        <v>2986</v>
      </c>
      <c r="C1508" s="10" t="s">
        <v>2951</v>
      </c>
      <c r="D1508" s="13" t="s">
        <v>2984</v>
      </c>
      <c r="E1508" s="13" t="s">
        <v>234</v>
      </c>
      <c r="F1508" s="11">
        <v>47452</v>
      </c>
    </row>
    <row r="1509" spans="1:6" s="32" customFormat="1" ht="27.75" customHeight="1">
      <c r="A1509" s="14" t="s">
        <v>2987</v>
      </c>
      <c r="B1509" s="13" t="s">
        <v>2988</v>
      </c>
      <c r="C1509" s="10" t="s">
        <v>2951</v>
      </c>
      <c r="D1509" s="13" t="s">
        <v>2989</v>
      </c>
      <c r="E1509" s="9" t="s">
        <v>21</v>
      </c>
      <c r="F1509" s="11">
        <v>46721</v>
      </c>
    </row>
    <row r="1510" spans="1:6" s="32" customFormat="1" ht="27.75" customHeight="1">
      <c r="A1510" s="12" t="s">
        <v>2990</v>
      </c>
      <c r="B1510" s="13" t="s">
        <v>2991</v>
      </c>
      <c r="C1510" s="10" t="s">
        <v>2951</v>
      </c>
      <c r="D1510" s="13" t="s">
        <v>2992</v>
      </c>
      <c r="E1510" s="13" t="s">
        <v>55</v>
      </c>
      <c r="F1510" s="11">
        <v>46387</v>
      </c>
    </row>
    <row r="1511" spans="1:6" s="32" customFormat="1" ht="27.75" customHeight="1">
      <c r="A1511" s="20" t="s">
        <v>2993</v>
      </c>
      <c r="B1511" s="13" t="s">
        <v>2994</v>
      </c>
      <c r="C1511" s="10" t="s">
        <v>2951</v>
      </c>
      <c r="D1511" s="13" t="s">
        <v>2995</v>
      </c>
      <c r="E1511" s="13" t="s">
        <v>502</v>
      </c>
      <c r="F1511" s="11">
        <v>47573</v>
      </c>
    </row>
    <row r="1512" spans="1:6" s="32" customFormat="1" ht="27.75" customHeight="1">
      <c r="A1512" s="12" t="s">
        <v>2996</v>
      </c>
      <c r="B1512" s="13" t="s">
        <v>2994</v>
      </c>
      <c r="C1512" s="10" t="s">
        <v>2951</v>
      </c>
      <c r="D1512" s="13" t="s">
        <v>2995</v>
      </c>
      <c r="E1512" s="13" t="s">
        <v>55</v>
      </c>
      <c r="F1512" s="11">
        <v>47634</v>
      </c>
    </row>
    <row r="1513" spans="1:6" s="32" customFormat="1" ht="27.75" customHeight="1">
      <c r="A1513" s="12" t="s">
        <v>2997</v>
      </c>
      <c r="B1513" s="13" t="s">
        <v>2994</v>
      </c>
      <c r="C1513" s="10" t="s">
        <v>2951</v>
      </c>
      <c r="D1513" s="13" t="s">
        <v>2995</v>
      </c>
      <c r="E1513" s="13" t="s">
        <v>321</v>
      </c>
      <c r="F1513" s="11">
        <v>47422</v>
      </c>
    </row>
    <row r="1514" spans="1:6" ht="27.75" customHeight="1">
      <c r="A1514" s="12" t="s">
        <v>2998</v>
      </c>
      <c r="B1514" s="13" t="s">
        <v>2994</v>
      </c>
      <c r="C1514" s="10" t="s">
        <v>2951</v>
      </c>
      <c r="D1514" s="13" t="s">
        <v>2995</v>
      </c>
      <c r="E1514" s="13" t="s">
        <v>243</v>
      </c>
      <c r="F1514" s="11">
        <v>47756</v>
      </c>
    </row>
    <row r="1515" spans="1:6" ht="27.75" customHeight="1">
      <c r="A1515" s="8" t="s">
        <v>2999</v>
      </c>
      <c r="B1515" s="9" t="s">
        <v>2994</v>
      </c>
      <c r="C1515" s="10" t="s">
        <v>2951</v>
      </c>
      <c r="D1515" s="9" t="s">
        <v>2995</v>
      </c>
      <c r="E1515" s="9" t="s">
        <v>55</v>
      </c>
      <c r="F1515" s="11">
        <v>47238</v>
      </c>
    </row>
    <row r="1516" spans="1:6" ht="27.75" customHeight="1">
      <c r="A1516" s="8" t="s">
        <v>3000</v>
      </c>
      <c r="B1516" s="9" t="s">
        <v>2994</v>
      </c>
      <c r="C1516" s="10" t="s">
        <v>2951</v>
      </c>
      <c r="D1516" s="9" t="s">
        <v>2995</v>
      </c>
      <c r="E1516" s="9" t="s">
        <v>21</v>
      </c>
      <c r="F1516" s="11">
        <v>46568</v>
      </c>
    </row>
    <row r="1517" spans="1:6" ht="27.75" customHeight="1">
      <c r="A1517" s="20" t="s">
        <v>3001</v>
      </c>
      <c r="B1517" s="13" t="s">
        <v>2994</v>
      </c>
      <c r="C1517" s="10" t="s">
        <v>2951</v>
      </c>
      <c r="D1517" s="9" t="s">
        <v>2995</v>
      </c>
      <c r="E1517" s="13" t="s">
        <v>274</v>
      </c>
      <c r="F1517" s="11">
        <v>47938</v>
      </c>
    </row>
    <row r="1518" spans="1:6" ht="27.75" customHeight="1">
      <c r="A1518" s="12" t="s">
        <v>3002</v>
      </c>
      <c r="B1518" s="13" t="s">
        <v>2994</v>
      </c>
      <c r="C1518" s="10" t="s">
        <v>2951</v>
      </c>
      <c r="D1518" s="13" t="s">
        <v>2995</v>
      </c>
      <c r="E1518" s="13" t="s">
        <v>243</v>
      </c>
      <c r="F1518" s="11">
        <v>47664</v>
      </c>
    </row>
    <row r="1519" spans="1:6" ht="27.75" customHeight="1">
      <c r="A1519" s="14" t="s">
        <v>3003</v>
      </c>
      <c r="B1519" s="9" t="s">
        <v>2994</v>
      </c>
      <c r="C1519" s="10" t="s">
        <v>2951</v>
      </c>
      <c r="D1519" s="9" t="s">
        <v>2995</v>
      </c>
      <c r="E1519" s="9" t="s">
        <v>502</v>
      </c>
      <c r="F1519" s="11">
        <v>47208</v>
      </c>
    </row>
    <row r="1520" spans="1:6" ht="27.75" customHeight="1">
      <c r="A1520" s="12" t="s">
        <v>3004</v>
      </c>
      <c r="B1520" s="13" t="s">
        <v>2994</v>
      </c>
      <c r="C1520" s="10" t="s">
        <v>2951</v>
      </c>
      <c r="D1520" s="13" t="s">
        <v>2995</v>
      </c>
      <c r="E1520" s="13" t="s">
        <v>502</v>
      </c>
      <c r="F1520" s="11">
        <v>47422</v>
      </c>
    </row>
    <row r="1521" spans="1:6" ht="27.75" customHeight="1">
      <c r="A1521" s="12" t="s">
        <v>3005</v>
      </c>
      <c r="B1521" s="13" t="s">
        <v>2994</v>
      </c>
      <c r="C1521" s="10" t="s">
        <v>2951</v>
      </c>
      <c r="D1521" s="13" t="s">
        <v>2995</v>
      </c>
      <c r="E1521" s="13" t="s">
        <v>21</v>
      </c>
      <c r="F1521" s="11">
        <v>46568</v>
      </c>
    </row>
    <row r="1522" spans="1:6" ht="27.75" customHeight="1">
      <c r="A1522" s="14" t="s">
        <v>3006</v>
      </c>
      <c r="B1522" s="9" t="s">
        <v>3007</v>
      </c>
      <c r="C1522" s="10" t="s">
        <v>2951</v>
      </c>
      <c r="D1522" s="9" t="s">
        <v>3008</v>
      </c>
      <c r="E1522" s="9" t="s">
        <v>253</v>
      </c>
      <c r="F1522" s="11">
        <v>47422</v>
      </c>
    </row>
    <row r="1523" spans="1:6" ht="27.75" customHeight="1">
      <c r="A1523" s="12" t="s">
        <v>3009</v>
      </c>
      <c r="B1523" s="13" t="s">
        <v>3010</v>
      </c>
      <c r="C1523" s="10" t="s">
        <v>2951</v>
      </c>
      <c r="D1523" s="13" t="s">
        <v>3011</v>
      </c>
      <c r="E1523" s="13" t="s">
        <v>1140</v>
      </c>
      <c r="F1523" s="11">
        <v>47542</v>
      </c>
    </row>
    <row r="1524" spans="1:6" ht="27.75" customHeight="1">
      <c r="A1524" s="14" t="s">
        <v>3012</v>
      </c>
      <c r="B1524" s="9" t="s">
        <v>3013</v>
      </c>
      <c r="C1524" s="10" t="s">
        <v>2951</v>
      </c>
      <c r="D1524" s="9" t="s">
        <v>3014</v>
      </c>
      <c r="E1524" s="9" t="s">
        <v>21</v>
      </c>
      <c r="F1524" s="11">
        <v>47422</v>
      </c>
    </row>
    <row r="1525" spans="1:6" ht="27.75" customHeight="1">
      <c r="A1525" s="12" t="s">
        <v>3015</v>
      </c>
      <c r="B1525" s="13" t="s">
        <v>3016</v>
      </c>
      <c r="C1525" s="10" t="s">
        <v>2951</v>
      </c>
      <c r="D1525" s="13" t="s">
        <v>3017</v>
      </c>
      <c r="E1525" s="13" t="s">
        <v>17</v>
      </c>
      <c r="F1525" s="11">
        <v>46752</v>
      </c>
    </row>
    <row r="1526" spans="1:6" ht="27.75" customHeight="1">
      <c r="A1526" s="8" t="s">
        <v>3018</v>
      </c>
      <c r="B1526" s="9" t="s">
        <v>3019</v>
      </c>
      <c r="C1526" s="10" t="s">
        <v>2951</v>
      </c>
      <c r="D1526" s="9" t="s">
        <v>3020</v>
      </c>
      <c r="E1526" s="24" t="s">
        <v>274</v>
      </c>
      <c r="F1526" s="11">
        <v>47422</v>
      </c>
    </row>
    <row r="1527" spans="1:6" ht="27.75" customHeight="1">
      <c r="A1527" s="12" t="s">
        <v>3021</v>
      </c>
      <c r="B1527" s="13" t="s">
        <v>3022</v>
      </c>
      <c r="C1527" s="10" t="s">
        <v>2951</v>
      </c>
      <c r="D1527" s="13" t="s">
        <v>3023</v>
      </c>
      <c r="E1527" s="13" t="s">
        <v>3024</v>
      </c>
      <c r="F1527" s="11">
        <v>47422</v>
      </c>
    </row>
    <row r="1528" spans="1:6" ht="27.75" customHeight="1">
      <c r="A1528" s="14" t="s">
        <v>3025</v>
      </c>
      <c r="B1528" s="9" t="s">
        <v>3026</v>
      </c>
      <c r="C1528" s="10" t="s">
        <v>2951</v>
      </c>
      <c r="D1528" s="9" t="s">
        <v>3027</v>
      </c>
      <c r="E1528" s="9" t="s">
        <v>75</v>
      </c>
      <c r="F1528" s="11">
        <v>47483</v>
      </c>
    </row>
    <row r="1529" spans="1:6" ht="27.75" customHeight="1">
      <c r="A1529" s="8" t="s">
        <v>3028</v>
      </c>
      <c r="B1529" s="13" t="s">
        <v>3029</v>
      </c>
      <c r="C1529" s="10" t="s">
        <v>2951</v>
      </c>
      <c r="D1529" s="13" t="s">
        <v>3030</v>
      </c>
      <c r="E1529" s="13" t="s">
        <v>21</v>
      </c>
      <c r="F1529" s="11">
        <v>47422</v>
      </c>
    </row>
    <row r="1530" spans="1:6" ht="27.75" customHeight="1">
      <c r="A1530" s="8" t="s">
        <v>3031</v>
      </c>
      <c r="B1530" s="9" t="s">
        <v>3032</v>
      </c>
      <c r="C1530" s="10" t="s">
        <v>2951</v>
      </c>
      <c r="D1530" s="9" t="s">
        <v>3033</v>
      </c>
      <c r="E1530" s="24" t="s">
        <v>266</v>
      </c>
      <c r="F1530" s="11">
        <v>47422</v>
      </c>
    </row>
    <row r="1531" spans="1:6" ht="27.75" customHeight="1">
      <c r="A1531" s="12" t="s">
        <v>3034</v>
      </c>
      <c r="B1531" s="13" t="s">
        <v>3035</v>
      </c>
      <c r="C1531" s="10" t="s">
        <v>2951</v>
      </c>
      <c r="D1531" s="13" t="s">
        <v>3036</v>
      </c>
      <c r="E1531" s="13" t="s">
        <v>3037</v>
      </c>
      <c r="F1531" s="11">
        <v>47422</v>
      </c>
    </row>
    <row r="1532" spans="1:6" ht="27.75" customHeight="1">
      <c r="A1532" s="12" t="s">
        <v>3038</v>
      </c>
      <c r="B1532" s="13" t="s">
        <v>3039</v>
      </c>
      <c r="C1532" s="10" t="s">
        <v>2951</v>
      </c>
      <c r="D1532" s="13" t="s">
        <v>3040</v>
      </c>
      <c r="E1532" s="13" t="s">
        <v>21</v>
      </c>
      <c r="F1532" s="11">
        <v>47422</v>
      </c>
    </row>
    <row r="1533" spans="1:6" ht="27.75" customHeight="1">
      <c r="A1533" s="12" t="s">
        <v>3041</v>
      </c>
      <c r="B1533" s="13" t="s">
        <v>3042</v>
      </c>
      <c r="C1533" s="10" t="s">
        <v>2951</v>
      </c>
      <c r="D1533" s="13" t="s">
        <v>3043</v>
      </c>
      <c r="E1533" s="13" t="s">
        <v>75</v>
      </c>
      <c r="F1533" s="11">
        <v>47422</v>
      </c>
    </row>
    <row r="1534" spans="1:6" ht="27.75" customHeight="1">
      <c r="A1534" s="14" t="s">
        <v>3044</v>
      </c>
      <c r="B1534" s="9" t="s">
        <v>3045</v>
      </c>
      <c r="C1534" s="10" t="s">
        <v>2951</v>
      </c>
      <c r="D1534" s="9" t="s">
        <v>3046</v>
      </c>
      <c r="E1534" s="9" t="s">
        <v>3047</v>
      </c>
      <c r="F1534" s="11">
        <v>46203</v>
      </c>
    </row>
    <row r="1535" spans="1:6" ht="27.75" customHeight="1">
      <c r="A1535" s="17" t="s">
        <v>3048</v>
      </c>
      <c r="B1535" s="9" t="s">
        <v>3045</v>
      </c>
      <c r="C1535" s="10" t="s">
        <v>2951</v>
      </c>
      <c r="D1535" s="9" t="s">
        <v>3049</v>
      </c>
      <c r="E1535" s="9" t="s">
        <v>234</v>
      </c>
      <c r="F1535" s="11">
        <v>47422</v>
      </c>
    </row>
    <row r="1536" spans="1:6" ht="27.75" customHeight="1">
      <c r="A1536" s="17" t="s">
        <v>3050</v>
      </c>
      <c r="B1536" s="9" t="s">
        <v>3051</v>
      </c>
      <c r="C1536" s="10" t="s">
        <v>2951</v>
      </c>
      <c r="D1536" s="9" t="s">
        <v>3052</v>
      </c>
      <c r="E1536" s="9" t="s">
        <v>21</v>
      </c>
      <c r="F1536" s="11">
        <v>47938</v>
      </c>
    </row>
    <row r="1537" spans="1:6" ht="27.75" customHeight="1">
      <c r="A1537" s="12" t="s">
        <v>3053</v>
      </c>
      <c r="B1537" s="13" t="s">
        <v>3051</v>
      </c>
      <c r="C1537" s="10" t="s">
        <v>2951</v>
      </c>
      <c r="D1537" s="13" t="s">
        <v>3052</v>
      </c>
      <c r="E1537" s="13" t="s">
        <v>274</v>
      </c>
      <c r="F1537" s="11">
        <v>47664</v>
      </c>
    </row>
    <row r="1538" spans="1:6" ht="27.75" customHeight="1">
      <c r="A1538" s="12" t="s">
        <v>3054</v>
      </c>
      <c r="B1538" s="13" t="s">
        <v>3055</v>
      </c>
      <c r="C1538" s="10" t="s">
        <v>2951</v>
      </c>
      <c r="D1538" s="13" t="s">
        <v>3056</v>
      </c>
      <c r="E1538" s="13" t="s">
        <v>55</v>
      </c>
      <c r="F1538" s="11">
        <v>47452</v>
      </c>
    </row>
    <row r="1539" spans="1:6" ht="27.75" customHeight="1">
      <c r="A1539" s="12" t="s">
        <v>3057</v>
      </c>
      <c r="B1539" s="13" t="s">
        <v>3055</v>
      </c>
      <c r="C1539" s="10" t="s">
        <v>2951</v>
      </c>
      <c r="D1539" s="13" t="s">
        <v>3056</v>
      </c>
      <c r="E1539" s="13" t="s">
        <v>21</v>
      </c>
      <c r="F1539" s="11">
        <v>46873</v>
      </c>
    </row>
    <row r="1540" spans="1:6" ht="27.75" customHeight="1">
      <c r="A1540" s="14" t="s">
        <v>3058</v>
      </c>
      <c r="B1540" s="9" t="s">
        <v>3055</v>
      </c>
      <c r="C1540" s="10" t="s">
        <v>2951</v>
      </c>
      <c r="D1540" s="9" t="s">
        <v>3056</v>
      </c>
      <c r="E1540" s="9" t="s">
        <v>369</v>
      </c>
      <c r="F1540" s="11">
        <v>46691</v>
      </c>
    </row>
    <row r="1541" spans="1:6" ht="27.75" customHeight="1">
      <c r="A1541" s="14" t="s">
        <v>3059</v>
      </c>
      <c r="B1541" s="9" t="s">
        <v>3060</v>
      </c>
      <c r="C1541" s="10" t="s">
        <v>2951</v>
      </c>
      <c r="D1541" s="9" t="s">
        <v>3061</v>
      </c>
      <c r="E1541" s="9" t="s">
        <v>86</v>
      </c>
      <c r="F1541" s="11">
        <v>47907</v>
      </c>
    </row>
    <row r="1542" spans="1:6" ht="27.75" customHeight="1">
      <c r="A1542" s="23" t="s">
        <v>3062</v>
      </c>
      <c r="B1542" s="24" t="s">
        <v>3063</v>
      </c>
      <c r="C1542" s="10" t="s">
        <v>2951</v>
      </c>
      <c r="D1542" s="9" t="s">
        <v>3064</v>
      </c>
      <c r="E1542" s="24" t="s">
        <v>253</v>
      </c>
      <c r="F1542" s="11">
        <v>47422</v>
      </c>
    </row>
    <row r="1543" spans="1:6" ht="27.75" customHeight="1">
      <c r="A1543" s="12" t="s">
        <v>3065</v>
      </c>
      <c r="B1543" s="18" t="s">
        <v>3066</v>
      </c>
      <c r="C1543" s="10" t="s">
        <v>2951</v>
      </c>
      <c r="D1543" s="18" t="s">
        <v>3067</v>
      </c>
      <c r="E1543" s="18" t="s">
        <v>35</v>
      </c>
      <c r="F1543" s="19">
        <v>47422</v>
      </c>
    </row>
    <row r="1544" spans="1:6" ht="27.75" customHeight="1">
      <c r="A1544" s="12" t="s">
        <v>3068</v>
      </c>
      <c r="B1544" s="18" t="s">
        <v>3069</v>
      </c>
      <c r="C1544" s="10" t="s">
        <v>2951</v>
      </c>
      <c r="D1544" s="18" t="s">
        <v>3070</v>
      </c>
      <c r="E1544" s="18" t="s">
        <v>63</v>
      </c>
      <c r="F1544" s="19">
        <v>47422</v>
      </c>
    </row>
    <row r="1545" spans="1:6" ht="27.75" customHeight="1">
      <c r="A1545" s="12" t="s">
        <v>3071</v>
      </c>
      <c r="B1545" s="13" t="s">
        <v>3072</v>
      </c>
      <c r="C1545" s="10" t="s">
        <v>2951</v>
      </c>
      <c r="D1545" s="13" t="s">
        <v>3073</v>
      </c>
      <c r="E1545" s="13" t="s">
        <v>253</v>
      </c>
      <c r="F1545" s="11">
        <v>47422</v>
      </c>
    </row>
    <row r="1546" spans="1:6" ht="27.75" customHeight="1">
      <c r="A1546" s="14" t="s">
        <v>3074</v>
      </c>
      <c r="B1546" s="9" t="s">
        <v>3075</v>
      </c>
      <c r="C1546" s="10" t="s">
        <v>2951</v>
      </c>
      <c r="D1546" s="9" t="s">
        <v>3076</v>
      </c>
      <c r="E1546" s="9" t="s">
        <v>40</v>
      </c>
      <c r="F1546" s="11">
        <v>47422</v>
      </c>
    </row>
    <row r="1547" spans="1:6" ht="27.75" customHeight="1">
      <c r="A1547" s="23" t="s">
        <v>3077</v>
      </c>
      <c r="B1547" s="9" t="s">
        <v>3078</v>
      </c>
      <c r="C1547" s="10" t="s">
        <v>2951</v>
      </c>
      <c r="D1547" s="9" t="s">
        <v>3079</v>
      </c>
      <c r="E1547" s="24" t="s">
        <v>25</v>
      </c>
      <c r="F1547" s="11">
        <v>46173</v>
      </c>
    </row>
    <row r="1548" spans="1:6" ht="27.75" customHeight="1">
      <c r="A1548" s="17" t="s">
        <v>3080</v>
      </c>
      <c r="B1548" s="9" t="s">
        <v>3078</v>
      </c>
      <c r="C1548" s="10" t="s">
        <v>2951</v>
      </c>
      <c r="D1548" s="9" t="s">
        <v>3079</v>
      </c>
      <c r="E1548" s="9" t="s">
        <v>1085</v>
      </c>
      <c r="F1548" s="11">
        <v>47422</v>
      </c>
    </row>
    <row r="1549" spans="1:6" ht="27.75" customHeight="1">
      <c r="A1549" s="12" t="s">
        <v>3081</v>
      </c>
      <c r="B1549" s="13" t="s">
        <v>3078</v>
      </c>
      <c r="C1549" s="10" t="s">
        <v>2951</v>
      </c>
      <c r="D1549" s="13" t="s">
        <v>3079</v>
      </c>
      <c r="E1549" s="13" t="s">
        <v>44</v>
      </c>
      <c r="F1549" s="11">
        <v>46538</v>
      </c>
    </row>
    <row r="1550" spans="1:6" ht="27.75" customHeight="1">
      <c r="A1550" s="14" t="s">
        <v>3082</v>
      </c>
      <c r="B1550" s="9" t="s">
        <v>3078</v>
      </c>
      <c r="C1550" s="10" t="s">
        <v>2951</v>
      </c>
      <c r="D1550" s="9" t="s">
        <v>3079</v>
      </c>
      <c r="E1550" s="9" t="s">
        <v>3083</v>
      </c>
      <c r="F1550" s="11">
        <v>46965</v>
      </c>
    </row>
    <row r="1551" spans="1:6" ht="27.75" customHeight="1">
      <c r="A1551" s="12" t="s">
        <v>3084</v>
      </c>
      <c r="B1551" s="13" t="s">
        <v>3078</v>
      </c>
      <c r="C1551" s="10" t="s">
        <v>2951</v>
      </c>
      <c r="D1551" s="13" t="s">
        <v>3079</v>
      </c>
      <c r="E1551" s="9" t="s">
        <v>40</v>
      </c>
      <c r="F1551" s="11">
        <v>47422</v>
      </c>
    </row>
    <row r="1552" spans="1:6" ht="27.75" customHeight="1">
      <c r="A1552" s="12" t="s">
        <v>3085</v>
      </c>
      <c r="B1552" s="13" t="s">
        <v>3078</v>
      </c>
      <c r="C1552" s="10" t="s">
        <v>2951</v>
      </c>
      <c r="D1552" s="13" t="s">
        <v>3079</v>
      </c>
      <c r="E1552" s="13" t="s">
        <v>132</v>
      </c>
      <c r="F1552" s="11">
        <v>46721</v>
      </c>
    </row>
    <row r="1553" spans="1:6" ht="27.75" customHeight="1">
      <c r="A1553" s="14" t="s">
        <v>3086</v>
      </c>
      <c r="B1553" s="9" t="s">
        <v>3078</v>
      </c>
      <c r="C1553" s="10" t="s">
        <v>2951</v>
      </c>
      <c r="D1553" s="9" t="s">
        <v>3079</v>
      </c>
      <c r="E1553" s="9" t="s">
        <v>25</v>
      </c>
      <c r="F1553" s="11">
        <v>47422</v>
      </c>
    </row>
    <row r="1554" spans="1:6" ht="27.75" customHeight="1">
      <c r="A1554" s="12" t="s">
        <v>3087</v>
      </c>
      <c r="B1554" s="18" t="s">
        <v>3078</v>
      </c>
      <c r="C1554" s="10" t="s">
        <v>2951</v>
      </c>
      <c r="D1554" s="18" t="s">
        <v>3079</v>
      </c>
      <c r="E1554" s="18" t="s">
        <v>393</v>
      </c>
      <c r="F1554" s="19">
        <v>47422</v>
      </c>
    </row>
    <row r="1555" spans="1:6" ht="27.75" customHeight="1">
      <c r="A1555" s="12" t="s">
        <v>3088</v>
      </c>
      <c r="B1555" s="13" t="s">
        <v>3078</v>
      </c>
      <c r="C1555" s="10" t="s">
        <v>2951</v>
      </c>
      <c r="D1555" s="13" t="s">
        <v>3079</v>
      </c>
      <c r="E1555" s="13" t="s">
        <v>393</v>
      </c>
      <c r="F1555" s="11">
        <v>46173</v>
      </c>
    </row>
    <row r="1556" spans="1:6" ht="27.75" customHeight="1">
      <c r="A1556" s="12" t="s">
        <v>3089</v>
      </c>
      <c r="B1556" s="13" t="s">
        <v>3078</v>
      </c>
      <c r="C1556" s="10" t="s">
        <v>2951</v>
      </c>
      <c r="D1556" s="13" t="s">
        <v>3079</v>
      </c>
      <c r="E1556" s="13" t="s">
        <v>3083</v>
      </c>
      <c r="F1556" s="11">
        <v>47118</v>
      </c>
    </row>
    <row r="1557" spans="1:6" ht="27.75" customHeight="1">
      <c r="A1557" s="14" t="s">
        <v>3090</v>
      </c>
      <c r="B1557" s="9" t="s">
        <v>3078</v>
      </c>
      <c r="C1557" s="10" t="s">
        <v>2951</v>
      </c>
      <c r="D1557" s="9" t="s">
        <v>3079</v>
      </c>
      <c r="E1557" s="9" t="s">
        <v>25</v>
      </c>
      <c r="F1557" s="11">
        <v>47422</v>
      </c>
    </row>
    <row r="1558" spans="1:6" ht="27.75" customHeight="1">
      <c r="A1558" s="14" t="s">
        <v>3091</v>
      </c>
      <c r="B1558" s="13" t="s">
        <v>3078</v>
      </c>
      <c r="C1558" s="10" t="s">
        <v>2951</v>
      </c>
      <c r="D1558" s="9" t="s">
        <v>3079</v>
      </c>
      <c r="E1558" s="9" t="s">
        <v>393</v>
      </c>
      <c r="F1558" s="11">
        <v>47422</v>
      </c>
    </row>
    <row r="1559" spans="1:6" ht="27.75" customHeight="1">
      <c r="A1559" s="14" t="s">
        <v>3092</v>
      </c>
      <c r="B1559" s="13" t="s">
        <v>3078</v>
      </c>
      <c r="C1559" s="10" t="s">
        <v>2951</v>
      </c>
      <c r="D1559" s="9" t="s">
        <v>3079</v>
      </c>
      <c r="E1559" s="9" t="s">
        <v>228</v>
      </c>
      <c r="F1559" s="11">
        <v>47422</v>
      </c>
    </row>
    <row r="1560" spans="1:6" ht="27.75" customHeight="1">
      <c r="A1560" s="12" t="s">
        <v>3093</v>
      </c>
      <c r="B1560" s="13" t="s">
        <v>3078</v>
      </c>
      <c r="C1560" s="10" t="s">
        <v>2951</v>
      </c>
      <c r="D1560" s="13" t="s">
        <v>3079</v>
      </c>
      <c r="E1560" s="13" t="s">
        <v>11</v>
      </c>
      <c r="F1560" s="11">
        <v>47422</v>
      </c>
    </row>
    <row r="1561" spans="1:6" ht="27.75" customHeight="1">
      <c r="A1561" s="12" t="s">
        <v>3094</v>
      </c>
      <c r="B1561" s="18" t="s">
        <v>3078</v>
      </c>
      <c r="C1561" s="10" t="s">
        <v>2951</v>
      </c>
      <c r="D1561" s="18" t="s">
        <v>3079</v>
      </c>
      <c r="E1561" s="18" t="s">
        <v>25</v>
      </c>
      <c r="F1561" s="19">
        <v>47422</v>
      </c>
    </row>
    <row r="1562" spans="1:6" ht="27.75" customHeight="1">
      <c r="A1562" s="12" t="s">
        <v>3095</v>
      </c>
      <c r="B1562" s="13" t="s">
        <v>3078</v>
      </c>
      <c r="C1562" s="10" t="s">
        <v>2951</v>
      </c>
      <c r="D1562" s="13" t="s">
        <v>3079</v>
      </c>
      <c r="E1562" s="13" t="s">
        <v>25</v>
      </c>
      <c r="F1562" s="11">
        <v>47422</v>
      </c>
    </row>
    <row r="1563" spans="1:6" ht="27.75" customHeight="1">
      <c r="A1563" s="12" t="s">
        <v>3096</v>
      </c>
      <c r="B1563" s="13" t="s">
        <v>3097</v>
      </c>
      <c r="C1563" s="10" t="s">
        <v>2951</v>
      </c>
      <c r="D1563" s="13" t="s">
        <v>3098</v>
      </c>
      <c r="E1563" s="13" t="s">
        <v>17</v>
      </c>
      <c r="F1563" s="11">
        <v>47422</v>
      </c>
    </row>
    <row r="1564" spans="1:6" ht="27.75" customHeight="1">
      <c r="A1564" s="12" t="s">
        <v>3099</v>
      </c>
      <c r="B1564" s="13" t="s">
        <v>3097</v>
      </c>
      <c r="C1564" s="10" t="s">
        <v>2951</v>
      </c>
      <c r="D1564" s="13" t="s">
        <v>3098</v>
      </c>
      <c r="E1564" s="13" t="s">
        <v>63</v>
      </c>
      <c r="F1564" s="11">
        <v>46965</v>
      </c>
    </row>
    <row r="1565" spans="1:6" ht="27.75" customHeight="1">
      <c r="A1565" s="14" t="s">
        <v>3100</v>
      </c>
      <c r="B1565" s="13" t="s">
        <v>3097</v>
      </c>
      <c r="C1565" s="10" t="s">
        <v>2951</v>
      </c>
      <c r="D1565" s="9" t="s">
        <v>3098</v>
      </c>
      <c r="E1565" s="9" t="s">
        <v>40</v>
      </c>
      <c r="F1565" s="11">
        <v>47787</v>
      </c>
    </row>
    <row r="1566" spans="1:6" ht="27.75" customHeight="1">
      <c r="A1566" s="8" t="s">
        <v>3101</v>
      </c>
      <c r="B1566" s="13" t="s">
        <v>3097</v>
      </c>
      <c r="C1566" s="10" t="s">
        <v>2951</v>
      </c>
      <c r="D1566" s="13" t="s">
        <v>3098</v>
      </c>
      <c r="E1566" s="13" t="s">
        <v>44</v>
      </c>
      <c r="F1566" s="11">
        <v>47422</v>
      </c>
    </row>
    <row r="1567" spans="1:6" ht="27.75" customHeight="1">
      <c r="A1567" s="20" t="s">
        <v>3102</v>
      </c>
      <c r="B1567" s="13" t="s">
        <v>3097</v>
      </c>
      <c r="C1567" s="10" t="s">
        <v>2951</v>
      </c>
      <c r="D1567" s="13" t="s">
        <v>3098</v>
      </c>
      <c r="E1567" s="13" t="s">
        <v>25</v>
      </c>
      <c r="F1567" s="11">
        <v>46660</v>
      </c>
    </row>
    <row r="1568" spans="1:6" ht="27.75" customHeight="1">
      <c r="A1568" s="8" t="s">
        <v>3103</v>
      </c>
      <c r="B1568" s="9" t="s">
        <v>3097</v>
      </c>
      <c r="C1568" s="10" t="s">
        <v>2951</v>
      </c>
      <c r="D1568" s="9" t="s">
        <v>3098</v>
      </c>
      <c r="E1568" s="24" t="s">
        <v>40</v>
      </c>
      <c r="F1568" s="11">
        <v>47422</v>
      </c>
    </row>
    <row r="1569" spans="1:6" ht="27.75" customHeight="1">
      <c r="A1569" s="8" t="s">
        <v>3104</v>
      </c>
      <c r="B1569" s="9" t="s">
        <v>3097</v>
      </c>
      <c r="C1569" s="10" t="s">
        <v>2951</v>
      </c>
      <c r="D1569" s="9" t="s">
        <v>3098</v>
      </c>
      <c r="E1569" s="9" t="s">
        <v>111</v>
      </c>
      <c r="F1569" s="11">
        <v>46904</v>
      </c>
    </row>
    <row r="1570" spans="1:6" ht="27.75" customHeight="1">
      <c r="A1570" s="14" t="s">
        <v>3105</v>
      </c>
      <c r="B1570" s="13" t="s">
        <v>3097</v>
      </c>
      <c r="C1570" s="10" t="s">
        <v>2951</v>
      </c>
      <c r="D1570" s="9" t="s">
        <v>3098</v>
      </c>
      <c r="E1570" s="9" t="s">
        <v>40</v>
      </c>
      <c r="F1570" s="11">
        <v>47299</v>
      </c>
    </row>
    <row r="1571" spans="1:6" ht="27.75" customHeight="1">
      <c r="A1571" s="14" t="s">
        <v>3106</v>
      </c>
      <c r="B1571" s="13" t="s">
        <v>3097</v>
      </c>
      <c r="C1571" s="10" t="s">
        <v>2951</v>
      </c>
      <c r="D1571" s="9" t="s">
        <v>3098</v>
      </c>
      <c r="E1571" s="9" t="s">
        <v>115</v>
      </c>
      <c r="F1571" s="11">
        <v>47422</v>
      </c>
    </row>
    <row r="1572" spans="1:6" ht="27.75" customHeight="1">
      <c r="A1572" s="14" t="s">
        <v>3107</v>
      </c>
      <c r="B1572" s="13" t="s">
        <v>3097</v>
      </c>
      <c r="C1572" s="10" t="s">
        <v>2951</v>
      </c>
      <c r="D1572" s="9" t="s">
        <v>3098</v>
      </c>
      <c r="E1572" s="9" t="s">
        <v>253</v>
      </c>
      <c r="F1572" s="11">
        <v>47422</v>
      </c>
    </row>
    <row r="1573" spans="1:6" ht="27.75" customHeight="1">
      <c r="A1573" s="12" t="s">
        <v>3108</v>
      </c>
      <c r="B1573" s="13" t="s">
        <v>3097</v>
      </c>
      <c r="C1573" s="10" t="s">
        <v>2951</v>
      </c>
      <c r="D1573" s="13" t="s">
        <v>3098</v>
      </c>
      <c r="E1573" s="13" t="s">
        <v>86</v>
      </c>
      <c r="F1573" s="11">
        <v>47422</v>
      </c>
    </row>
    <row r="1574" spans="1:6" ht="27.75" customHeight="1">
      <c r="A1574" s="14" t="s">
        <v>3109</v>
      </c>
      <c r="B1574" s="13" t="s">
        <v>3097</v>
      </c>
      <c r="C1574" s="10" t="s">
        <v>2951</v>
      </c>
      <c r="D1574" s="9" t="s">
        <v>3098</v>
      </c>
      <c r="E1574" s="9" t="s">
        <v>44</v>
      </c>
      <c r="F1574" s="11">
        <v>47422</v>
      </c>
    </row>
    <row r="1575" spans="1:6" ht="27.75" customHeight="1">
      <c r="A1575" s="12" t="s">
        <v>3110</v>
      </c>
      <c r="B1575" s="13" t="s">
        <v>3097</v>
      </c>
      <c r="C1575" s="10" t="s">
        <v>2951</v>
      </c>
      <c r="D1575" s="13" t="s">
        <v>3098</v>
      </c>
      <c r="E1575" s="13" t="s">
        <v>25</v>
      </c>
      <c r="F1575" s="11">
        <v>47422</v>
      </c>
    </row>
    <row r="1576" spans="1:6" ht="27.75" customHeight="1">
      <c r="A1576" s="12" t="s">
        <v>3111</v>
      </c>
      <c r="B1576" s="13" t="s">
        <v>3097</v>
      </c>
      <c r="C1576" s="10" t="s">
        <v>2951</v>
      </c>
      <c r="D1576" s="13" t="s">
        <v>3098</v>
      </c>
      <c r="E1576" s="13" t="s">
        <v>513</v>
      </c>
      <c r="F1576" s="11">
        <v>47422</v>
      </c>
    </row>
    <row r="1577" spans="1:6" ht="27.75" customHeight="1">
      <c r="A1577" s="12" t="s">
        <v>3112</v>
      </c>
      <c r="B1577" s="13" t="s">
        <v>3097</v>
      </c>
      <c r="C1577" s="10" t="s">
        <v>2951</v>
      </c>
      <c r="D1577" s="13" t="s">
        <v>3098</v>
      </c>
      <c r="E1577" s="13" t="s">
        <v>196</v>
      </c>
      <c r="F1577" s="11">
        <v>47422</v>
      </c>
    </row>
    <row r="1578" spans="1:6" ht="27.75" customHeight="1">
      <c r="A1578" s="17" t="s">
        <v>3113</v>
      </c>
      <c r="B1578" s="13" t="s">
        <v>3114</v>
      </c>
      <c r="C1578" s="10" t="s">
        <v>2951</v>
      </c>
      <c r="D1578" s="9" t="s">
        <v>3115</v>
      </c>
      <c r="E1578" s="9" t="s">
        <v>809</v>
      </c>
      <c r="F1578" s="11">
        <v>47542</v>
      </c>
    </row>
    <row r="1579" spans="1:6" ht="27.75" customHeight="1">
      <c r="A1579" s="14" t="s">
        <v>3116</v>
      </c>
      <c r="B1579" s="13" t="s">
        <v>3117</v>
      </c>
      <c r="C1579" s="10" t="s">
        <v>3118</v>
      </c>
      <c r="D1579" s="9" t="s">
        <v>3119</v>
      </c>
      <c r="E1579" s="9" t="s">
        <v>21</v>
      </c>
      <c r="F1579" s="11">
        <v>47603</v>
      </c>
    </row>
    <row r="1580" spans="1:6" ht="27.75" customHeight="1">
      <c r="A1580" s="14" t="s">
        <v>3120</v>
      </c>
      <c r="B1580" s="13" t="s">
        <v>3121</v>
      </c>
      <c r="C1580" s="33" t="s">
        <v>3118</v>
      </c>
      <c r="D1580" s="9" t="s">
        <v>3122</v>
      </c>
      <c r="E1580" s="9" t="s">
        <v>111</v>
      </c>
      <c r="F1580" s="11">
        <v>46173</v>
      </c>
    </row>
    <row r="1581" spans="1:6" ht="27.75" customHeight="1">
      <c r="A1581" s="14" t="s">
        <v>3123</v>
      </c>
      <c r="B1581" s="13" t="s">
        <v>3124</v>
      </c>
      <c r="C1581" s="33" t="s">
        <v>3118</v>
      </c>
      <c r="D1581" s="9" t="s">
        <v>3125</v>
      </c>
      <c r="E1581" s="9" t="s">
        <v>3126</v>
      </c>
      <c r="F1581" s="11">
        <v>46934</v>
      </c>
    </row>
    <row r="1582" spans="1:6" ht="27.75" customHeight="1">
      <c r="A1582" s="12" t="s">
        <v>3127</v>
      </c>
      <c r="B1582" s="13" t="s">
        <v>3128</v>
      </c>
      <c r="C1582" s="33" t="s">
        <v>3118</v>
      </c>
      <c r="D1582" s="13" t="s">
        <v>3129</v>
      </c>
      <c r="E1582" s="13" t="s">
        <v>25</v>
      </c>
      <c r="F1582" s="11">
        <v>47422</v>
      </c>
    </row>
    <row r="1583" spans="1:6" ht="27.75" customHeight="1">
      <c r="A1583" s="12" t="s">
        <v>3130</v>
      </c>
      <c r="B1583" s="13" t="s">
        <v>3131</v>
      </c>
      <c r="C1583" s="33" t="s">
        <v>3118</v>
      </c>
      <c r="D1583" s="13" t="s">
        <v>3132</v>
      </c>
      <c r="E1583" s="13" t="s">
        <v>17</v>
      </c>
      <c r="F1583" s="11">
        <v>46630</v>
      </c>
    </row>
    <row r="1584" spans="1:6" ht="27.75" customHeight="1">
      <c r="A1584" s="12" t="s">
        <v>3133</v>
      </c>
      <c r="B1584" s="13" t="s">
        <v>3134</v>
      </c>
      <c r="C1584" s="33" t="s">
        <v>3118</v>
      </c>
      <c r="D1584" s="13" t="s">
        <v>3135</v>
      </c>
      <c r="E1584" s="13" t="s">
        <v>63</v>
      </c>
      <c r="F1584" s="11">
        <v>46934</v>
      </c>
    </row>
    <row r="1585" spans="1:6" ht="27.75" customHeight="1">
      <c r="A1585" s="20" t="s">
        <v>3136</v>
      </c>
      <c r="B1585" s="13" t="s">
        <v>3137</v>
      </c>
      <c r="C1585" s="33" t="s">
        <v>3118</v>
      </c>
      <c r="D1585" s="13" t="s">
        <v>3138</v>
      </c>
      <c r="E1585" s="13" t="s">
        <v>21</v>
      </c>
      <c r="F1585" s="11">
        <v>46934</v>
      </c>
    </row>
    <row r="1586" spans="1:6" ht="27.75" customHeight="1">
      <c r="A1586" s="12" t="s">
        <v>3139</v>
      </c>
      <c r="B1586" s="13" t="s">
        <v>3140</v>
      </c>
      <c r="C1586" s="33" t="s">
        <v>3118</v>
      </c>
      <c r="D1586" s="13" t="s">
        <v>3141</v>
      </c>
      <c r="E1586" s="13" t="s">
        <v>11</v>
      </c>
      <c r="F1586" s="11">
        <v>47422</v>
      </c>
    </row>
    <row r="1587" spans="1:6" ht="27.75" customHeight="1">
      <c r="A1587" s="14" t="s">
        <v>3142</v>
      </c>
      <c r="B1587" s="13" t="s">
        <v>3143</v>
      </c>
      <c r="C1587" s="33" t="s">
        <v>3118</v>
      </c>
      <c r="D1587" s="9" t="s">
        <v>3144</v>
      </c>
      <c r="E1587" s="9" t="s">
        <v>3145</v>
      </c>
      <c r="F1587" s="11">
        <v>47422</v>
      </c>
    </row>
    <row r="1588" spans="1:6" ht="27.75" customHeight="1">
      <c r="A1588" s="14" t="s">
        <v>3146</v>
      </c>
      <c r="B1588" s="13" t="s">
        <v>3147</v>
      </c>
      <c r="C1588" s="33" t="s">
        <v>3118</v>
      </c>
      <c r="D1588" s="9" t="s">
        <v>3148</v>
      </c>
      <c r="E1588" s="9" t="s">
        <v>17</v>
      </c>
      <c r="F1588" s="11">
        <v>47422</v>
      </c>
    </row>
    <row r="1589" spans="1:6" ht="27.75" customHeight="1">
      <c r="A1589" s="14" t="s">
        <v>3149</v>
      </c>
      <c r="B1589" s="13" t="s">
        <v>3147</v>
      </c>
      <c r="C1589" s="33" t="s">
        <v>3118</v>
      </c>
      <c r="D1589" s="9" t="s">
        <v>3148</v>
      </c>
      <c r="E1589" s="9" t="s">
        <v>17</v>
      </c>
      <c r="F1589" s="11">
        <v>47422</v>
      </c>
    </row>
    <row r="1590" spans="1:6" ht="27.75" customHeight="1">
      <c r="A1590" s="12" t="s">
        <v>3150</v>
      </c>
      <c r="B1590" s="13" t="s">
        <v>3151</v>
      </c>
      <c r="C1590" s="33" t="s">
        <v>3118</v>
      </c>
      <c r="D1590" s="13" t="s">
        <v>3152</v>
      </c>
      <c r="E1590" s="13" t="s">
        <v>115</v>
      </c>
      <c r="F1590" s="11">
        <v>47208</v>
      </c>
    </row>
    <row r="1591" spans="1:6" ht="27.75" customHeight="1">
      <c r="A1591" s="14" t="s">
        <v>3153</v>
      </c>
      <c r="B1591" s="13" t="s">
        <v>3154</v>
      </c>
      <c r="C1591" s="33" t="s">
        <v>3118</v>
      </c>
      <c r="D1591" s="9" t="s">
        <v>3155</v>
      </c>
      <c r="E1591" s="9" t="s">
        <v>21</v>
      </c>
      <c r="F1591" s="11">
        <v>47634</v>
      </c>
    </row>
    <row r="1592" spans="1:6" ht="27.75" customHeight="1">
      <c r="A1592" s="14" t="s">
        <v>3156</v>
      </c>
      <c r="B1592" s="13" t="s">
        <v>3157</v>
      </c>
      <c r="C1592" s="33" t="s">
        <v>3118</v>
      </c>
      <c r="D1592" s="9" t="s">
        <v>3158</v>
      </c>
      <c r="E1592" s="9" t="s">
        <v>17</v>
      </c>
      <c r="F1592" s="11">
        <v>47634</v>
      </c>
    </row>
    <row r="1593" spans="1:6" ht="27.75" customHeight="1">
      <c r="A1593" s="12" t="s">
        <v>3159</v>
      </c>
      <c r="B1593" s="13" t="s">
        <v>3157</v>
      </c>
      <c r="C1593" s="33" t="s">
        <v>3118</v>
      </c>
      <c r="D1593" s="13" t="s">
        <v>3158</v>
      </c>
      <c r="E1593" s="13" t="s">
        <v>823</v>
      </c>
      <c r="F1593" s="11">
        <v>47422</v>
      </c>
    </row>
    <row r="1594" spans="1:6" ht="27.75" customHeight="1">
      <c r="A1594" s="12" t="s">
        <v>3160</v>
      </c>
      <c r="B1594" s="13" t="s">
        <v>3157</v>
      </c>
      <c r="C1594" s="33" t="s">
        <v>3118</v>
      </c>
      <c r="D1594" s="13" t="s">
        <v>3158</v>
      </c>
      <c r="E1594" s="13" t="s">
        <v>17</v>
      </c>
      <c r="F1594" s="11">
        <v>46660</v>
      </c>
    </row>
    <row r="1595" spans="1:6" ht="27.75" customHeight="1">
      <c r="A1595" s="20" t="s">
        <v>3161</v>
      </c>
      <c r="B1595" s="9" t="s">
        <v>3162</v>
      </c>
      <c r="C1595" s="33" t="s">
        <v>3118</v>
      </c>
      <c r="D1595" s="13" t="s">
        <v>3163</v>
      </c>
      <c r="E1595" s="13" t="s">
        <v>21</v>
      </c>
      <c r="F1595" s="11">
        <v>47422</v>
      </c>
    </row>
    <row r="1596" spans="1:6" ht="27.75" customHeight="1">
      <c r="A1596" s="12" t="s">
        <v>3164</v>
      </c>
      <c r="B1596" s="18" t="s">
        <v>3165</v>
      </c>
      <c r="C1596" s="33" t="s">
        <v>3118</v>
      </c>
      <c r="D1596" s="18" t="s">
        <v>3166</v>
      </c>
      <c r="E1596" s="18" t="s">
        <v>75</v>
      </c>
      <c r="F1596" s="19">
        <v>47422</v>
      </c>
    </row>
    <row r="1597" spans="1:6" ht="27.75" customHeight="1">
      <c r="A1597" s="17" t="s">
        <v>3167</v>
      </c>
      <c r="B1597" s="9" t="s">
        <v>3168</v>
      </c>
      <c r="C1597" s="33" t="s">
        <v>3118</v>
      </c>
      <c r="D1597" s="9" t="s">
        <v>3169</v>
      </c>
      <c r="E1597" s="9" t="s">
        <v>228</v>
      </c>
      <c r="F1597" s="11">
        <v>46387</v>
      </c>
    </row>
    <row r="1598" spans="1:6" ht="27.75" customHeight="1">
      <c r="A1598" s="14" t="s">
        <v>3170</v>
      </c>
      <c r="B1598" s="13" t="s">
        <v>3168</v>
      </c>
      <c r="C1598" s="33" t="s">
        <v>3118</v>
      </c>
      <c r="D1598" s="9" t="s">
        <v>3169</v>
      </c>
      <c r="E1598" s="9" t="s">
        <v>270</v>
      </c>
      <c r="F1598" s="11">
        <v>46295</v>
      </c>
    </row>
    <row r="1599" spans="1:6" ht="27.75" customHeight="1">
      <c r="A1599" s="14" t="s">
        <v>3171</v>
      </c>
      <c r="B1599" s="9" t="s">
        <v>3168</v>
      </c>
      <c r="C1599" s="33" t="s">
        <v>3118</v>
      </c>
      <c r="D1599" s="9" t="s">
        <v>3169</v>
      </c>
      <c r="E1599" s="9" t="s">
        <v>228</v>
      </c>
      <c r="F1599" s="11">
        <v>47422</v>
      </c>
    </row>
    <row r="1600" spans="1:6" ht="27.75" customHeight="1">
      <c r="A1600" s="14" t="s">
        <v>3172</v>
      </c>
      <c r="B1600" s="13" t="s">
        <v>3168</v>
      </c>
      <c r="C1600" s="33" t="s">
        <v>3118</v>
      </c>
      <c r="D1600" s="9" t="s">
        <v>3169</v>
      </c>
      <c r="E1600" s="9" t="s">
        <v>3173</v>
      </c>
      <c r="F1600" s="11">
        <v>47483</v>
      </c>
    </row>
    <row r="1601" spans="1:6" ht="27.75" customHeight="1">
      <c r="A1601" s="12" t="s">
        <v>3174</v>
      </c>
      <c r="B1601" s="13" t="s">
        <v>3168</v>
      </c>
      <c r="C1601" s="33" t="s">
        <v>3118</v>
      </c>
      <c r="D1601" s="13" t="s">
        <v>3169</v>
      </c>
      <c r="E1601" s="13" t="s">
        <v>44</v>
      </c>
      <c r="F1601" s="11">
        <v>46446</v>
      </c>
    </row>
    <row r="1602" spans="1:6" ht="27.75" customHeight="1">
      <c r="A1602" s="12" t="s">
        <v>3175</v>
      </c>
      <c r="B1602" s="13" t="s">
        <v>3168</v>
      </c>
      <c r="C1602" s="33" t="s">
        <v>3118</v>
      </c>
      <c r="D1602" s="13" t="s">
        <v>3169</v>
      </c>
      <c r="E1602" s="13" t="s">
        <v>11</v>
      </c>
      <c r="F1602" s="11">
        <v>47422</v>
      </c>
    </row>
    <row r="1603" spans="1:6" ht="27.75" customHeight="1">
      <c r="A1603" s="14" t="s">
        <v>3176</v>
      </c>
      <c r="B1603" s="13" t="s">
        <v>3168</v>
      </c>
      <c r="C1603" s="33" t="s">
        <v>3118</v>
      </c>
      <c r="D1603" s="9" t="s">
        <v>3169</v>
      </c>
      <c r="E1603" s="9" t="s">
        <v>63</v>
      </c>
      <c r="F1603" s="11">
        <v>46265</v>
      </c>
    </row>
    <row r="1604" spans="1:6" ht="27.75" customHeight="1">
      <c r="A1604" s="14" t="s">
        <v>3177</v>
      </c>
      <c r="B1604" s="13" t="s">
        <v>3168</v>
      </c>
      <c r="C1604" s="33" t="s">
        <v>3118</v>
      </c>
      <c r="D1604" s="9" t="s">
        <v>3169</v>
      </c>
      <c r="E1604" s="9" t="s">
        <v>321</v>
      </c>
      <c r="F1604" s="11">
        <v>46843</v>
      </c>
    </row>
    <row r="1605" spans="1:6" ht="27.75" customHeight="1">
      <c r="A1605" s="14" t="s">
        <v>3178</v>
      </c>
      <c r="B1605" s="9" t="s">
        <v>3179</v>
      </c>
      <c r="C1605" s="33" t="s">
        <v>3118</v>
      </c>
      <c r="D1605" s="9" t="s">
        <v>3180</v>
      </c>
      <c r="E1605" s="9" t="s">
        <v>11</v>
      </c>
      <c r="F1605" s="11">
        <v>47422</v>
      </c>
    </row>
    <row r="1606" spans="1:6" ht="27.75" customHeight="1">
      <c r="A1606" s="14" t="s">
        <v>3181</v>
      </c>
      <c r="B1606" s="9" t="s">
        <v>3182</v>
      </c>
      <c r="C1606" s="33" t="s">
        <v>3118</v>
      </c>
      <c r="D1606" s="9" t="s">
        <v>3183</v>
      </c>
      <c r="E1606" s="9" t="s">
        <v>40</v>
      </c>
      <c r="F1606" s="11">
        <v>47422</v>
      </c>
    </row>
    <row r="1607" spans="1:6" ht="27.75" customHeight="1">
      <c r="A1607" s="12" t="s">
        <v>3184</v>
      </c>
      <c r="B1607" s="13" t="s">
        <v>3185</v>
      </c>
      <c r="C1607" s="33" t="s">
        <v>3118</v>
      </c>
      <c r="D1607" s="13" t="s">
        <v>3186</v>
      </c>
      <c r="E1607" s="13" t="s">
        <v>11</v>
      </c>
      <c r="F1607" s="11">
        <v>47422</v>
      </c>
    </row>
    <row r="1608" spans="1:6" ht="27.75" customHeight="1">
      <c r="A1608" s="12" t="s">
        <v>3187</v>
      </c>
      <c r="B1608" s="13" t="s">
        <v>3188</v>
      </c>
      <c r="C1608" s="33" t="s">
        <v>3118</v>
      </c>
      <c r="D1608" s="13" t="s">
        <v>3189</v>
      </c>
      <c r="E1608" s="13" t="s">
        <v>398</v>
      </c>
      <c r="F1608" s="11">
        <v>46173</v>
      </c>
    </row>
    <row r="1609" spans="1:6" ht="27.75" customHeight="1">
      <c r="A1609" s="14" t="s">
        <v>3190</v>
      </c>
      <c r="B1609" s="13" t="s">
        <v>3188</v>
      </c>
      <c r="C1609" s="33" t="s">
        <v>3118</v>
      </c>
      <c r="D1609" s="9" t="s">
        <v>3189</v>
      </c>
      <c r="E1609" s="9" t="s">
        <v>398</v>
      </c>
      <c r="F1609" s="11">
        <v>46173</v>
      </c>
    </row>
    <row r="1610" spans="1:6" ht="27.75" customHeight="1">
      <c r="A1610" s="12" t="s">
        <v>3191</v>
      </c>
      <c r="B1610" s="13" t="s">
        <v>3192</v>
      </c>
      <c r="C1610" s="33" t="s">
        <v>3118</v>
      </c>
      <c r="D1610" s="13" t="s">
        <v>3193</v>
      </c>
      <c r="E1610" s="13" t="s">
        <v>232</v>
      </c>
      <c r="F1610" s="11">
        <v>47422</v>
      </c>
    </row>
    <row r="1611" spans="1:6" ht="27.75" customHeight="1">
      <c r="A1611" s="14" t="s">
        <v>3194</v>
      </c>
      <c r="B1611" s="9" t="s">
        <v>3195</v>
      </c>
      <c r="C1611" s="33" t="s">
        <v>3118</v>
      </c>
      <c r="D1611" s="9" t="s">
        <v>3196</v>
      </c>
      <c r="E1611" s="9" t="s">
        <v>44</v>
      </c>
      <c r="F1611" s="11">
        <v>47422</v>
      </c>
    </row>
    <row r="1612" spans="1:6" ht="27.75" customHeight="1">
      <c r="A1612" s="12" t="s">
        <v>3197</v>
      </c>
      <c r="B1612" s="13" t="s">
        <v>3198</v>
      </c>
      <c r="C1612" s="33" t="s">
        <v>3118</v>
      </c>
      <c r="D1612" s="13" t="s">
        <v>3199</v>
      </c>
      <c r="E1612" s="13" t="s">
        <v>21</v>
      </c>
      <c r="F1612" s="11">
        <v>46568</v>
      </c>
    </row>
    <row r="1613" spans="1:6" ht="27.75" customHeight="1">
      <c r="A1613" s="12" t="s">
        <v>3200</v>
      </c>
      <c r="B1613" s="13" t="s">
        <v>3201</v>
      </c>
      <c r="C1613" s="33" t="s">
        <v>3118</v>
      </c>
      <c r="D1613" s="13" t="s">
        <v>3202</v>
      </c>
      <c r="E1613" s="13" t="s">
        <v>111</v>
      </c>
      <c r="F1613" s="11">
        <v>46721</v>
      </c>
    </row>
    <row r="1614" spans="1:6" ht="27.75" customHeight="1">
      <c r="A1614" s="12" t="s">
        <v>3203</v>
      </c>
      <c r="B1614" s="18" t="s">
        <v>3204</v>
      </c>
      <c r="C1614" s="33" t="s">
        <v>3118</v>
      </c>
      <c r="D1614" s="18" t="s">
        <v>3205</v>
      </c>
      <c r="E1614" s="18" t="s">
        <v>21</v>
      </c>
      <c r="F1614" s="19">
        <v>47422</v>
      </c>
    </row>
    <row r="1615" spans="1:6" ht="27.75" customHeight="1">
      <c r="A1615" s="8" t="s">
        <v>3206</v>
      </c>
      <c r="B1615" s="9" t="s">
        <v>3207</v>
      </c>
      <c r="C1615" s="33" t="s">
        <v>3118</v>
      </c>
      <c r="D1615" s="9" t="s">
        <v>3208</v>
      </c>
      <c r="E1615" s="9" t="s">
        <v>44</v>
      </c>
      <c r="F1615" s="11">
        <v>47422</v>
      </c>
    </row>
    <row r="1616" spans="1:6" ht="27.75" customHeight="1">
      <c r="A1616" s="17" t="s">
        <v>3209</v>
      </c>
      <c r="B1616" s="9" t="s">
        <v>3210</v>
      </c>
      <c r="C1616" s="33" t="s">
        <v>3118</v>
      </c>
      <c r="D1616" s="9" t="s">
        <v>3211</v>
      </c>
      <c r="E1616" s="9" t="s">
        <v>21</v>
      </c>
      <c r="F1616" s="11">
        <v>47422</v>
      </c>
    </row>
    <row r="1617" spans="1:6" ht="27.75" customHeight="1">
      <c r="A1617" s="17" t="s">
        <v>3212</v>
      </c>
      <c r="B1617" s="9" t="s">
        <v>3210</v>
      </c>
      <c r="C1617" s="33" t="s">
        <v>3118</v>
      </c>
      <c r="D1617" s="9" t="s">
        <v>3211</v>
      </c>
      <c r="E1617" s="26" t="s">
        <v>11</v>
      </c>
      <c r="F1617" s="11">
        <v>46843</v>
      </c>
    </row>
    <row r="1618" spans="1:6" ht="27.75" customHeight="1">
      <c r="A1618" s="14" t="s">
        <v>3213</v>
      </c>
      <c r="B1618" s="9" t="s">
        <v>3214</v>
      </c>
      <c r="C1618" s="33" t="s">
        <v>3118</v>
      </c>
      <c r="D1618" s="9" t="s">
        <v>3211</v>
      </c>
      <c r="E1618" s="9" t="s">
        <v>40</v>
      </c>
      <c r="F1618" s="11">
        <v>46356</v>
      </c>
    </row>
    <row r="1619" spans="1:6" ht="27.75" customHeight="1">
      <c r="A1619" s="14" t="s">
        <v>3215</v>
      </c>
      <c r="B1619" s="9" t="s">
        <v>3216</v>
      </c>
      <c r="C1619" s="33" t="s">
        <v>3118</v>
      </c>
      <c r="D1619" s="9" t="s">
        <v>3217</v>
      </c>
      <c r="E1619" s="9" t="s">
        <v>25</v>
      </c>
      <c r="F1619" s="11">
        <v>46873</v>
      </c>
    </row>
    <row r="1620" spans="1:6" ht="27.75" customHeight="1">
      <c r="A1620" s="14" t="s">
        <v>3218</v>
      </c>
      <c r="B1620" s="13" t="s">
        <v>3216</v>
      </c>
      <c r="C1620" s="33" t="s">
        <v>3118</v>
      </c>
      <c r="D1620" s="9" t="s">
        <v>3217</v>
      </c>
      <c r="E1620" s="9" t="s">
        <v>321</v>
      </c>
      <c r="F1620" s="11">
        <v>47422</v>
      </c>
    </row>
    <row r="1621" spans="1:6" ht="27.75" customHeight="1">
      <c r="A1621" s="12" t="s">
        <v>3219</v>
      </c>
      <c r="B1621" s="13" t="s">
        <v>3216</v>
      </c>
      <c r="C1621" s="33" t="s">
        <v>3118</v>
      </c>
      <c r="D1621" s="13" t="s">
        <v>3217</v>
      </c>
      <c r="E1621" s="13" t="s">
        <v>25</v>
      </c>
      <c r="F1621" s="11">
        <v>47422</v>
      </c>
    </row>
    <row r="1622" spans="1:6" ht="27.75" customHeight="1">
      <c r="A1622" s="14" t="s">
        <v>3220</v>
      </c>
      <c r="B1622" s="9" t="s">
        <v>3216</v>
      </c>
      <c r="C1622" s="33" t="s">
        <v>3118</v>
      </c>
      <c r="D1622" s="9" t="s">
        <v>3217</v>
      </c>
      <c r="E1622" s="9" t="s">
        <v>17</v>
      </c>
      <c r="F1622" s="11">
        <v>46112</v>
      </c>
    </row>
    <row r="1623" spans="1:6" ht="27.75" customHeight="1">
      <c r="A1623" s="14" t="s">
        <v>3221</v>
      </c>
      <c r="B1623" s="9" t="s">
        <v>3216</v>
      </c>
      <c r="C1623" s="33" t="s">
        <v>3118</v>
      </c>
      <c r="D1623" s="13" t="s">
        <v>3217</v>
      </c>
      <c r="E1623" s="9" t="s">
        <v>25</v>
      </c>
      <c r="F1623" s="11">
        <v>47422</v>
      </c>
    </row>
    <row r="1624" spans="1:6" ht="27.75" customHeight="1">
      <c r="A1624" s="14" t="s">
        <v>3222</v>
      </c>
      <c r="B1624" s="9" t="s">
        <v>3216</v>
      </c>
      <c r="C1624" s="33" t="s">
        <v>3118</v>
      </c>
      <c r="D1624" s="9" t="s">
        <v>3217</v>
      </c>
      <c r="E1624" s="9" t="s">
        <v>40</v>
      </c>
      <c r="F1624" s="11">
        <v>47422</v>
      </c>
    </row>
    <row r="1625" spans="1:6" ht="27.75" customHeight="1">
      <c r="A1625" s="14" t="s">
        <v>3223</v>
      </c>
      <c r="B1625" s="9" t="s">
        <v>3216</v>
      </c>
      <c r="C1625" s="33" t="s">
        <v>3118</v>
      </c>
      <c r="D1625" s="9" t="s">
        <v>3217</v>
      </c>
      <c r="E1625" s="9" t="s">
        <v>274</v>
      </c>
      <c r="F1625" s="11">
        <v>47422</v>
      </c>
    </row>
    <row r="1626" spans="1:6" ht="27.75" customHeight="1">
      <c r="A1626" s="20" t="s">
        <v>3224</v>
      </c>
      <c r="B1626" s="9" t="s">
        <v>3216</v>
      </c>
      <c r="C1626" s="33" t="s">
        <v>3118</v>
      </c>
      <c r="D1626" s="9" t="s">
        <v>3217</v>
      </c>
      <c r="E1626" s="13" t="s">
        <v>21</v>
      </c>
      <c r="F1626" s="11">
        <v>47422</v>
      </c>
    </row>
    <row r="1627" spans="1:6" ht="27.75" customHeight="1">
      <c r="A1627" s="12" t="s">
        <v>3225</v>
      </c>
      <c r="B1627" s="13" t="s">
        <v>3216</v>
      </c>
      <c r="C1627" s="33" t="s">
        <v>3118</v>
      </c>
      <c r="D1627" s="13" t="s">
        <v>3217</v>
      </c>
      <c r="E1627" s="13" t="s">
        <v>40</v>
      </c>
      <c r="F1627" s="11">
        <v>47149</v>
      </c>
    </row>
    <row r="1628" spans="1:6" ht="27.75" customHeight="1">
      <c r="A1628" s="14" t="s">
        <v>3226</v>
      </c>
      <c r="B1628" s="9" t="s">
        <v>3216</v>
      </c>
      <c r="C1628" s="33" t="s">
        <v>3118</v>
      </c>
      <c r="D1628" s="9" t="s">
        <v>3217</v>
      </c>
      <c r="E1628" s="9" t="s">
        <v>234</v>
      </c>
      <c r="F1628" s="11">
        <v>47483</v>
      </c>
    </row>
    <row r="1629" spans="1:6" ht="27.75" customHeight="1">
      <c r="A1629" s="12" t="s">
        <v>3227</v>
      </c>
      <c r="B1629" s="13" t="s">
        <v>3216</v>
      </c>
      <c r="C1629" s="33" t="s">
        <v>3118</v>
      </c>
      <c r="D1629" s="13" t="s">
        <v>3217</v>
      </c>
      <c r="E1629" s="13" t="s">
        <v>228</v>
      </c>
      <c r="F1629" s="11">
        <v>47422</v>
      </c>
    </row>
    <row r="1630" spans="1:6" ht="27.75" customHeight="1">
      <c r="A1630" s="14" t="s">
        <v>3228</v>
      </c>
      <c r="B1630" s="9" t="s">
        <v>3216</v>
      </c>
      <c r="C1630" s="33" t="s">
        <v>3118</v>
      </c>
      <c r="D1630" s="13" t="s">
        <v>3217</v>
      </c>
      <c r="E1630" s="9" t="s">
        <v>321</v>
      </c>
      <c r="F1630" s="11">
        <v>46112</v>
      </c>
    </row>
    <row r="1631" spans="1:6" ht="27.75" customHeight="1">
      <c r="A1631" s="12" t="s">
        <v>3229</v>
      </c>
      <c r="B1631" s="13" t="s">
        <v>3216</v>
      </c>
      <c r="C1631" s="33" t="s">
        <v>3118</v>
      </c>
      <c r="D1631" s="13" t="s">
        <v>3217</v>
      </c>
      <c r="E1631" s="13" t="s">
        <v>25</v>
      </c>
      <c r="F1631" s="11">
        <v>46873</v>
      </c>
    </row>
    <row r="1632" spans="1:6" ht="27.75" customHeight="1">
      <c r="A1632" s="14" t="s">
        <v>3230</v>
      </c>
      <c r="B1632" s="9" t="s">
        <v>3216</v>
      </c>
      <c r="C1632" s="33" t="s">
        <v>3118</v>
      </c>
      <c r="D1632" s="9" t="s">
        <v>3217</v>
      </c>
      <c r="E1632" s="9" t="s">
        <v>21</v>
      </c>
      <c r="F1632" s="11">
        <v>46783</v>
      </c>
    </row>
    <row r="1633" spans="1:6" ht="27.75" customHeight="1">
      <c r="A1633" s="12" t="s">
        <v>3231</v>
      </c>
      <c r="B1633" s="13" t="s">
        <v>3216</v>
      </c>
      <c r="C1633" s="33" t="s">
        <v>3118</v>
      </c>
      <c r="D1633" s="13" t="s">
        <v>3217</v>
      </c>
      <c r="E1633" s="13" t="s">
        <v>321</v>
      </c>
      <c r="F1633" s="11">
        <v>47787</v>
      </c>
    </row>
    <row r="1634" spans="1:6" ht="27.75" customHeight="1">
      <c r="A1634" s="20" t="s">
        <v>3232</v>
      </c>
      <c r="B1634" s="13" t="s">
        <v>3216</v>
      </c>
      <c r="C1634" s="33" t="s">
        <v>3118</v>
      </c>
      <c r="D1634" s="13" t="s">
        <v>3217</v>
      </c>
      <c r="E1634" s="13" t="s">
        <v>11</v>
      </c>
      <c r="F1634" s="11">
        <v>46356</v>
      </c>
    </row>
    <row r="1635" spans="1:6" ht="27.75" customHeight="1">
      <c r="A1635" s="14" t="s">
        <v>3233</v>
      </c>
      <c r="B1635" s="9" t="s">
        <v>3216</v>
      </c>
      <c r="C1635" s="33" t="s">
        <v>3118</v>
      </c>
      <c r="D1635" s="9" t="s">
        <v>3217</v>
      </c>
      <c r="E1635" s="9" t="s">
        <v>40</v>
      </c>
      <c r="F1635" s="11">
        <v>47422</v>
      </c>
    </row>
    <row r="1636" spans="1:6" ht="27.75" customHeight="1">
      <c r="A1636" s="15" t="s">
        <v>3234</v>
      </c>
      <c r="B1636" s="9" t="s">
        <v>3216</v>
      </c>
      <c r="C1636" s="33" t="s">
        <v>3118</v>
      </c>
      <c r="D1636" s="9" t="s">
        <v>3217</v>
      </c>
      <c r="E1636" s="13" t="s">
        <v>321</v>
      </c>
      <c r="F1636" s="11">
        <v>47422</v>
      </c>
    </row>
    <row r="1637" spans="1:6" ht="27.75" customHeight="1">
      <c r="A1637" s="12" t="s">
        <v>3235</v>
      </c>
      <c r="B1637" s="13" t="s">
        <v>3216</v>
      </c>
      <c r="C1637" s="33" t="s">
        <v>3118</v>
      </c>
      <c r="D1637" s="13" t="s">
        <v>3217</v>
      </c>
      <c r="E1637" s="13" t="s">
        <v>274</v>
      </c>
      <c r="F1637" s="11">
        <v>47422</v>
      </c>
    </row>
    <row r="1638" spans="1:6" ht="27.75" customHeight="1">
      <c r="A1638" s="20" t="s">
        <v>3236</v>
      </c>
      <c r="B1638" s="13" t="s">
        <v>3216</v>
      </c>
      <c r="C1638" s="33" t="s">
        <v>3118</v>
      </c>
      <c r="D1638" s="13" t="s">
        <v>3217</v>
      </c>
      <c r="E1638" s="9" t="s">
        <v>40</v>
      </c>
      <c r="F1638" s="11">
        <v>46873</v>
      </c>
    </row>
    <row r="1639" spans="1:6" ht="27.75" customHeight="1">
      <c r="A1639" s="12" t="s">
        <v>3237</v>
      </c>
      <c r="B1639" s="18" t="s">
        <v>3216</v>
      </c>
      <c r="C1639" s="33" t="s">
        <v>3118</v>
      </c>
      <c r="D1639" s="18" t="s">
        <v>3217</v>
      </c>
      <c r="E1639" s="18" t="s">
        <v>321</v>
      </c>
      <c r="F1639" s="19">
        <v>47422</v>
      </c>
    </row>
    <row r="1640" spans="1:6" ht="27.75" customHeight="1">
      <c r="A1640" s="14" t="s">
        <v>3238</v>
      </c>
      <c r="B1640" s="9" t="s">
        <v>3216</v>
      </c>
      <c r="C1640" s="33" t="s">
        <v>3118</v>
      </c>
      <c r="D1640" s="9" t="s">
        <v>3217</v>
      </c>
      <c r="E1640" s="9" t="s">
        <v>321</v>
      </c>
      <c r="F1640" s="11">
        <v>47422</v>
      </c>
    </row>
    <row r="1641" spans="1:6" ht="27.75" customHeight="1">
      <c r="A1641" s="12" t="s">
        <v>3239</v>
      </c>
      <c r="B1641" s="13" t="s">
        <v>3216</v>
      </c>
      <c r="C1641" s="33" t="s">
        <v>3118</v>
      </c>
      <c r="D1641" s="9" t="s">
        <v>3217</v>
      </c>
      <c r="E1641" s="13" t="s">
        <v>234</v>
      </c>
      <c r="F1641" s="11">
        <v>47299</v>
      </c>
    </row>
    <row r="1642" spans="1:6" ht="27.75" customHeight="1">
      <c r="A1642" s="12" t="s">
        <v>3240</v>
      </c>
      <c r="B1642" s="13" t="s">
        <v>3216</v>
      </c>
      <c r="C1642" s="33" t="s">
        <v>3118</v>
      </c>
      <c r="D1642" s="9" t="s">
        <v>3217</v>
      </c>
      <c r="E1642" s="13" t="s">
        <v>142</v>
      </c>
      <c r="F1642" s="11">
        <v>47726</v>
      </c>
    </row>
    <row r="1643" spans="1:6" ht="27.75" customHeight="1">
      <c r="A1643" s="12" t="s">
        <v>3241</v>
      </c>
      <c r="B1643" s="13" t="s">
        <v>3216</v>
      </c>
      <c r="C1643" s="33" t="s">
        <v>3118</v>
      </c>
      <c r="D1643" s="13" t="s">
        <v>3217</v>
      </c>
      <c r="E1643" s="13" t="s">
        <v>321</v>
      </c>
      <c r="F1643" s="11">
        <v>47422</v>
      </c>
    </row>
    <row r="1644" spans="1:6" ht="27.75" customHeight="1">
      <c r="A1644" s="14" t="s">
        <v>3242</v>
      </c>
      <c r="B1644" s="9" t="s">
        <v>3216</v>
      </c>
      <c r="C1644" s="33" t="s">
        <v>3118</v>
      </c>
      <c r="D1644" s="9" t="s">
        <v>3217</v>
      </c>
      <c r="E1644" s="9" t="s">
        <v>321</v>
      </c>
      <c r="F1644" s="11">
        <v>47238</v>
      </c>
    </row>
    <row r="1645" spans="1:6" ht="27.75" customHeight="1">
      <c r="A1645" s="14" t="s">
        <v>3243</v>
      </c>
      <c r="B1645" s="9" t="s">
        <v>3244</v>
      </c>
      <c r="C1645" s="33" t="s">
        <v>3118</v>
      </c>
      <c r="D1645" s="9" t="s">
        <v>3245</v>
      </c>
      <c r="E1645" s="9" t="s">
        <v>69</v>
      </c>
      <c r="F1645" s="11">
        <v>47695</v>
      </c>
    </row>
    <row r="1646" spans="1:6" ht="27.75" customHeight="1">
      <c r="A1646" s="12" t="s">
        <v>3246</v>
      </c>
      <c r="B1646" s="13" t="s">
        <v>3244</v>
      </c>
      <c r="C1646" s="33" t="s">
        <v>3118</v>
      </c>
      <c r="D1646" s="9" t="s">
        <v>3245</v>
      </c>
      <c r="E1646" s="13" t="s">
        <v>1347</v>
      </c>
      <c r="F1646" s="11">
        <v>47542</v>
      </c>
    </row>
    <row r="1647" spans="1:6" ht="27.75" customHeight="1">
      <c r="A1647" s="12" t="s">
        <v>3247</v>
      </c>
      <c r="B1647" s="13" t="s">
        <v>3244</v>
      </c>
      <c r="C1647" s="33" t="s">
        <v>3118</v>
      </c>
      <c r="D1647" s="13" t="s">
        <v>3245</v>
      </c>
      <c r="E1647" s="13" t="s">
        <v>3248</v>
      </c>
      <c r="F1647" s="11">
        <v>47695</v>
      </c>
    </row>
    <row r="1648" spans="1:6" ht="27.75" customHeight="1">
      <c r="A1648" s="8" t="s">
        <v>3249</v>
      </c>
      <c r="B1648" s="13" t="s">
        <v>3244</v>
      </c>
      <c r="C1648" s="33" t="s">
        <v>3118</v>
      </c>
      <c r="D1648" s="13" t="s">
        <v>3245</v>
      </c>
      <c r="E1648" s="13" t="s">
        <v>424</v>
      </c>
      <c r="F1648" s="11">
        <v>47695</v>
      </c>
    </row>
    <row r="1649" spans="1:6" ht="27.75" customHeight="1">
      <c r="A1649" s="14" t="s">
        <v>3250</v>
      </c>
      <c r="B1649" s="9" t="s">
        <v>3244</v>
      </c>
      <c r="C1649" s="33" t="s">
        <v>3118</v>
      </c>
      <c r="D1649" s="9" t="s">
        <v>3245</v>
      </c>
      <c r="E1649" s="9" t="s">
        <v>17</v>
      </c>
      <c r="F1649" s="11">
        <v>47664</v>
      </c>
    </row>
    <row r="1650" spans="1:6" ht="27.75" customHeight="1">
      <c r="A1650" s="12" t="s">
        <v>3251</v>
      </c>
      <c r="B1650" s="13" t="s">
        <v>3252</v>
      </c>
      <c r="C1650" s="33" t="s">
        <v>3118</v>
      </c>
      <c r="D1650" s="13" t="s">
        <v>3253</v>
      </c>
      <c r="E1650" s="13" t="s">
        <v>205</v>
      </c>
      <c r="F1650" s="11">
        <v>47361</v>
      </c>
    </row>
    <row r="1651" spans="1:6" ht="27.75" customHeight="1">
      <c r="A1651" s="14" t="s">
        <v>3254</v>
      </c>
      <c r="B1651" s="9" t="s">
        <v>3255</v>
      </c>
      <c r="C1651" s="33" t="s">
        <v>3118</v>
      </c>
      <c r="D1651" s="24" t="s">
        <v>3256</v>
      </c>
      <c r="E1651" s="9" t="s">
        <v>398</v>
      </c>
      <c r="F1651" s="11">
        <v>47634</v>
      </c>
    </row>
    <row r="1652" spans="1:6" ht="27.75" customHeight="1">
      <c r="A1652" s="12" t="s">
        <v>3257</v>
      </c>
      <c r="B1652" s="13" t="s">
        <v>3258</v>
      </c>
      <c r="C1652" s="33" t="s">
        <v>3118</v>
      </c>
      <c r="D1652" s="13" t="s">
        <v>3259</v>
      </c>
      <c r="E1652" s="13" t="s">
        <v>21</v>
      </c>
      <c r="F1652" s="11">
        <v>47634</v>
      </c>
    </row>
    <row r="1653" spans="1:6" s="34" customFormat="1" ht="27.75" customHeight="1">
      <c r="A1653" s="12" t="s">
        <v>3260</v>
      </c>
      <c r="B1653" s="13" t="s">
        <v>3261</v>
      </c>
      <c r="C1653" s="33" t="s">
        <v>3118</v>
      </c>
      <c r="D1653" s="13" t="s">
        <v>3262</v>
      </c>
      <c r="E1653" s="13" t="s">
        <v>40</v>
      </c>
      <c r="F1653" s="11">
        <v>47452</v>
      </c>
    </row>
    <row r="1654" spans="1:6" ht="27.75" customHeight="1">
      <c r="A1654" s="8" t="s">
        <v>3263</v>
      </c>
      <c r="B1654" s="9" t="s">
        <v>3261</v>
      </c>
      <c r="C1654" s="33" t="s">
        <v>3118</v>
      </c>
      <c r="D1654" s="9" t="s">
        <v>3262</v>
      </c>
      <c r="E1654" s="9" t="s">
        <v>21</v>
      </c>
      <c r="F1654" s="11">
        <v>46446</v>
      </c>
    </row>
    <row r="1655" spans="1:6" ht="27.75" customHeight="1">
      <c r="A1655" s="8" t="s">
        <v>3264</v>
      </c>
      <c r="B1655" s="9" t="s">
        <v>3261</v>
      </c>
      <c r="C1655" s="33" t="s">
        <v>3118</v>
      </c>
      <c r="D1655" s="9" t="s">
        <v>3262</v>
      </c>
      <c r="E1655" s="13" t="s">
        <v>40</v>
      </c>
      <c r="F1655" s="11">
        <v>47422</v>
      </c>
    </row>
    <row r="1656" spans="1:6" ht="27.75" customHeight="1">
      <c r="A1656" s="17" t="s">
        <v>3265</v>
      </c>
      <c r="B1656" s="9" t="s">
        <v>3261</v>
      </c>
      <c r="C1656" s="33" t="s">
        <v>3118</v>
      </c>
      <c r="D1656" s="9" t="s">
        <v>3262</v>
      </c>
      <c r="E1656" s="9" t="s">
        <v>21</v>
      </c>
      <c r="F1656" s="11">
        <v>46446</v>
      </c>
    </row>
    <row r="1657" spans="1:6" ht="27.75" customHeight="1">
      <c r="A1657" s="14" t="s">
        <v>3266</v>
      </c>
      <c r="B1657" s="9" t="s">
        <v>3261</v>
      </c>
      <c r="C1657" s="10" t="s">
        <v>3118</v>
      </c>
      <c r="D1657" s="9" t="s">
        <v>3262</v>
      </c>
      <c r="E1657" s="9" t="s">
        <v>232</v>
      </c>
      <c r="F1657" s="11">
        <v>47756</v>
      </c>
    </row>
    <row r="1658" spans="1:6" ht="27.75" customHeight="1">
      <c r="A1658" s="17" t="s">
        <v>3267</v>
      </c>
      <c r="B1658" s="9" t="s">
        <v>3268</v>
      </c>
      <c r="C1658" s="10" t="s">
        <v>3118</v>
      </c>
      <c r="D1658" s="9" t="s">
        <v>3269</v>
      </c>
      <c r="E1658" s="9" t="s">
        <v>44</v>
      </c>
      <c r="F1658" s="11">
        <v>46507</v>
      </c>
    </row>
    <row r="1659" spans="1:6" ht="27.75" customHeight="1">
      <c r="A1659" s="12" t="s">
        <v>3270</v>
      </c>
      <c r="B1659" s="13" t="s">
        <v>3268</v>
      </c>
      <c r="C1659" s="10" t="s">
        <v>3118</v>
      </c>
      <c r="D1659" s="9" t="s">
        <v>3269</v>
      </c>
      <c r="E1659" s="13" t="s">
        <v>40</v>
      </c>
      <c r="F1659" s="11">
        <v>47422</v>
      </c>
    </row>
    <row r="1660" spans="1:6" ht="27.75" customHeight="1">
      <c r="A1660" s="17" t="s">
        <v>3271</v>
      </c>
      <c r="B1660" s="9" t="s">
        <v>3268</v>
      </c>
      <c r="C1660" s="10" t="s">
        <v>3118</v>
      </c>
      <c r="D1660" s="9" t="s">
        <v>3269</v>
      </c>
      <c r="E1660" s="9" t="s">
        <v>393</v>
      </c>
      <c r="F1660" s="11">
        <v>46507</v>
      </c>
    </row>
    <row r="1661" spans="1:6" ht="27.75" customHeight="1">
      <c r="A1661" s="20" t="s">
        <v>3272</v>
      </c>
      <c r="B1661" s="13" t="s">
        <v>3268</v>
      </c>
      <c r="C1661" s="10" t="s">
        <v>3118</v>
      </c>
      <c r="D1661" s="9" t="s">
        <v>3269</v>
      </c>
      <c r="E1661" s="9" t="s">
        <v>25</v>
      </c>
      <c r="F1661" s="11">
        <v>47422</v>
      </c>
    </row>
    <row r="1662" spans="1:6" ht="27.75" customHeight="1">
      <c r="A1662" s="17" t="s">
        <v>3273</v>
      </c>
      <c r="B1662" s="9" t="s">
        <v>3268</v>
      </c>
      <c r="C1662" s="10" t="s">
        <v>3118</v>
      </c>
      <c r="D1662" s="9" t="s">
        <v>3269</v>
      </c>
      <c r="E1662" s="9" t="s">
        <v>21</v>
      </c>
      <c r="F1662" s="11">
        <v>46142</v>
      </c>
    </row>
    <row r="1663" spans="1:6" ht="27.75" customHeight="1">
      <c r="A1663" s="17" t="s">
        <v>3274</v>
      </c>
      <c r="B1663" s="9" t="s">
        <v>3268</v>
      </c>
      <c r="C1663" s="10" t="s">
        <v>3118</v>
      </c>
      <c r="D1663" s="9" t="s">
        <v>3269</v>
      </c>
      <c r="E1663" s="9" t="s">
        <v>21</v>
      </c>
      <c r="F1663" s="11">
        <v>47483</v>
      </c>
    </row>
    <row r="1664" spans="1:6" ht="27.75" customHeight="1">
      <c r="A1664" s="14" t="s">
        <v>3275</v>
      </c>
      <c r="B1664" s="9" t="s">
        <v>3268</v>
      </c>
      <c r="C1664" s="10" t="s">
        <v>3118</v>
      </c>
      <c r="D1664" s="9" t="s">
        <v>3269</v>
      </c>
      <c r="E1664" s="9" t="s">
        <v>234</v>
      </c>
      <c r="F1664" s="11">
        <v>47634</v>
      </c>
    </row>
    <row r="1665" spans="1:6" ht="27.75" customHeight="1">
      <c r="A1665" s="17" t="s">
        <v>3276</v>
      </c>
      <c r="B1665" s="9" t="s">
        <v>3268</v>
      </c>
      <c r="C1665" s="10" t="s">
        <v>3118</v>
      </c>
      <c r="D1665" s="9" t="s">
        <v>3269</v>
      </c>
      <c r="E1665" s="9" t="s">
        <v>17</v>
      </c>
      <c r="F1665" s="11">
        <v>47634</v>
      </c>
    </row>
    <row r="1666" spans="1:6" ht="27.75" customHeight="1">
      <c r="A1666" s="14" t="s">
        <v>3277</v>
      </c>
      <c r="B1666" s="9" t="s">
        <v>3268</v>
      </c>
      <c r="C1666" s="10" t="s">
        <v>3118</v>
      </c>
      <c r="D1666" s="9" t="s">
        <v>3269</v>
      </c>
      <c r="E1666" s="9" t="s">
        <v>11</v>
      </c>
      <c r="F1666" s="11">
        <v>47422</v>
      </c>
    </row>
    <row r="1667" spans="1:6" ht="27.75" customHeight="1">
      <c r="A1667" s="14" t="s">
        <v>3278</v>
      </c>
      <c r="B1667" s="9" t="s">
        <v>3268</v>
      </c>
      <c r="C1667" s="10" t="s">
        <v>3118</v>
      </c>
      <c r="D1667" s="9" t="s">
        <v>3269</v>
      </c>
      <c r="E1667" s="9" t="s">
        <v>21</v>
      </c>
      <c r="F1667" s="11">
        <v>47542</v>
      </c>
    </row>
    <row r="1668" spans="1:6" ht="27.75" customHeight="1">
      <c r="A1668" s="14" t="s">
        <v>3279</v>
      </c>
      <c r="B1668" s="9" t="s">
        <v>3268</v>
      </c>
      <c r="C1668" s="10" t="s">
        <v>3118</v>
      </c>
      <c r="D1668" s="9" t="s">
        <v>3269</v>
      </c>
      <c r="E1668" s="9" t="s">
        <v>253</v>
      </c>
      <c r="F1668" s="11">
        <v>46934</v>
      </c>
    </row>
    <row r="1669" spans="1:6" ht="27.75" customHeight="1">
      <c r="A1669" s="12" t="s">
        <v>3280</v>
      </c>
      <c r="B1669" s="13" t="s">
        <v>3268</v>
      </c>
      <c r="C1669" s="10" t="s">
        <v>3118</v>
      </c>
      <c r="D1669" s="13" t="s">
        <v>3269</v>
      </c>
      <c r="E1669" s="13" t="s">
        <v>3281</v>
      </c>
      <c r="F1669" s="11">
        <v>46873</v>
      </c>
    </row>
    <row r="1670" spans="1:6" ht="27.75" customHeight="1">
      <c r="A1670" s="17" t="s">
        <v>3282</v>
      </c>
      <c r="B1670" s="9" t="s">
        <v>3268</v>
      </c>
      <c r="C1670" s="10" t="s">
        <v>3118</v>
      </c>
      <c r="D1670" s="9" t="s">
        <v>3269</v>
      </c>
      <c r="E1670" s="9" t="s">
        <v>17</v>
      </c>
      <c r="F1670" s="11">
        <v>47573</v>
      </c>
    </row>
    <row r="1671" spans="1:6" ht="27.75" customHeight="1">
      <c r="A1671" s="14" t="s">
        <v>3283</v>
      </c>
      <c r="B1671" s="9" t="s">
        <v>3268</v>
      </c>
      <c r="C1671" s="10" t="s">
        <v>3118</v>
      </c>
      <c r="D1671" s="9" t="s">
        <v>3269</v>
      </c>
      <c r="E1671" s="9" t="s">
        <v>196</v>
      </c>
      <c r="F1671" s="11">
        <v>47026</v>
      </c>
    </row>
    <row r="1672" spans="1:6" ht="27.75" customHeight="1">
      <c r="A1672" s="12" t="s">
        <v>3284</v>
      </c>
      <c r="B1672" s="18" t="s">
        <v>3268</v>
      </c>
      <c r="C1672" s="10" t="s">
        <v>3118</v>
      </c>
      <c r="D1672" s="18" t="s">
        <v>3269</v>
      </c>
      <c r="E1672" s="18" t="s">
        <v>274</v>
      </c>
      <c r="F1672" s="19">
        <v>47422</v>
      </c>
    </row>
    <row r="1673" spans="1:6" ht="27.75" customHeight="1">
      <c r="A1673" s="12" t="s">
        <v>3285</v>
      </c>
      <c r="B1673" s="13" t="s">
        <v>3268</v>
      </c>
      <c r="C1673" s="10" t="s">
        <v>3118</v>
      </c>
      <c r="D1673" s="13" t="s">
        <v>3269</v>
      </c>
      <c r="E1673" s="13" t="s">
        <v>228</v>
      </c>
      <c r="F1673" s="11">
        <v>47422</v>
      </c>
    </row>
    <row r="1674" spans="1:6" ht="27.75" customHeight="1">
      <c r="A1674" s="14" t="s">
        <v>3286</v>
      </c>
      <c r="B1674" s="9" t="s">
        <v>3268</v>
      </c>
      <c r="C1674" s="10" t="s">
        <v>3118</v>
      </c>
      <c r="D1674" s="9" t="s">
        <v>3269</v>
      </c>
      <c r="E1674" s="9" t="s">
        <v>196</v>
      </c>
      <c r="F1674" s="11">
        <v>47422</v>
      </c>
    </row>
    <row r="1675" spans="1:6" ht="27.75" customHeight="1">
      <c r="A1675" s="12" t="s">
        <v>3287</v>
      </c>
      <c r="B1675" s="13" t="s">
        <v>3268</v>
      </c>
      <c r="C1675" s="10" t="s">
        <v>3118</v>
      </c>
      <c r="D1675" s="13" t="s">
        <v>3269</v>
      </c>
      <c r="E1675" s="13" t="s">
        <v>63</v>
      </c>
      <c r="F1675" s="11">
        <v>47664</v>
      </c>
    </row>
    <row r="1676" spans="1:6" ht="27.75" customHeight="1">
      <c r="A1676" s="8" t="s">
        <v>3288</v>
      </c>
      <c r="B1676" s="13" t="s">
        <v>3268</v>
      </c>
      <c r="C1676" s="10" t="s">
        <v>3118</v>
      </c>
      <c r="D1676" s="13" t="s">
        <v>3269</v>
      </c>
      <c r="E1676" s="13" t="s">
        <v>63</v>
      </c>
      <c r="F1676" s="11">
        <v>47756</v>
      </c>
    </row>
    <row r="1677" spans="1:6" ht="27.75" customHeight="1">
      <c r="A1677" s="12" t="s">
        <v>3289</v>
      </c>
      <c r="B1677" s="13" t="s">
        <v>3268</v>
      </c>
      <c r="C1677" s="10" t="s">
        <v>3118</v>
      </c>
      <c r="D1677" s="13" t="s">
        <v>3269</v>
      </c>
      <c r="E1677" s="13" t="s">
        <v>393</v>
      </c>
      <c r="F1677" s="11">
        <v>47149</v>
      </c>
    </row>
    <row r="1678" spans="1:6" s="31" customFormat="1" ht="27.75" customHeight="1">
      <c r="A1678" s="14" t="s">
        <v>3290</v>
      </c>
      <c r="B1678" s="9" t="s">
        <v>3268</v>
      </c>
      <c r="C1678" s="10" t="s">
        <v>3118</v>
      </c>
      <c r="D1678" s="9" t="s">
        <v>3269</v>
      </c>
      <c r="E1678" s="9" t="s">
        <v>111</v>
      </c>
      <c r="F1678" s="11">
        <v>47664</v>
      </c>
    </row>
    <row r="1679" spans="1:6" ht="27.75" customHeight="1">
      <c r="A1679" s="8" t="s">
        <v>3291</v>
      </c>
      <c r="B1679" s="9" t="s">
        <v>3268</v>
      </c>
      <c r="C1679" s="10" t="s">
        <v>3118</v>
      </c>
      <c r="D1679" s="9" t="s">
        <v>3269</v>
      </c>
      <c r="E1679" s="9" t="s">
        <v>25</v>
      </c>
      <c r="F1679" s="11">
        <v>47149</v>
      </c>
    </row>
    <row r="1680" spans="1:6" ht="27.75" customHeight="1">
      <c r="A1680" s="14" t="s">
        <v>3292</v>
      </c>
      <c r="B1680" s="9" t="s">
        <v>3268</v>
      </c>
      <c r="C1680" s="10" t="s">
        <v>3118</v>
      </c>
      <c r="D1680" s="9" t="s">
        <v>3269</v>
      </c>
      <c r="E1680" s="9" t="s">
        <v>253</v>
      </c>
      <c r="F1680" s="11">
        <v>47514</v>
      </c>
    </row>
    <row r="1681" spans="1:6" ht="27.75" customHeight="1">
      <c r="A1681" s="14" t="s">
        <v>3293</v>
      </c>
      <c r="B1681" s="9" t="s">
        <v>3268</v>
      </c>
      <c r="C1681" s="10" t="s">
        <v>3118</v>
      </c>
      <c r="D1681" s="9" t="s">
        <v>3269</v>
      </c>
      <c r="E1681" s="9" t="s">
        <v>393</v>
      </c>
      <c r="F1681" s="11">
        <v>47269</v>
      </c>
    </row>
    <row r="1682" spans="1:6" ht="27.75" customHeight="1">
      <c r="A1682" s="14" t="s">
        <v>3294</v>
      </c>
      <c r="B1682" s="9" t="s">
        <v>3268</v>
      </c>
      <c r="C1682" s="10" t="s">
        <v>3118</v>
      </c>
      <c r="D1682" s="9" t="s">
        <v>3269</v>
      </c>
      <c r="E1682" s="9" t="s">
        <v>11</v>
      </c>
      <c r="F1682" s="11">
        <v>46142</v>
      </c>
    </row>
    <row r="1683" spans="1:6" ht="27.75" customHeight="1">
      <c r="A1683" s="14" t="s">
        <v>3295</v>
      </c>
      <c r="B1683" s="9" t="s">
        <v>3268</v>
      </c>
      <c r="C1683" s="10" t="s">
        <v>3118</v>
      </c>
      <c r="D1683" s="9" t="s">
        <v>3269</v>
      </c>
      <c r="E1683" s="9" t="s">
        <v>228</v>
      </c>
      <c r="F1683" s="11">
        <v>46203</v>
      </c>
    </row>
    <row r="1684" spans="1:6" ht="27.75" customHeight="1">
      <c r="A1684" s="14" t="s">
        <v>3296</v>
      </c>
      <c r="B1684" s="9" t="s">
        <v>3297</v>
      </c>
      <c r="C1684" s="10" t="s">
        <v>3118</v>
      </c>
      <c r="D1684" s="9" t="s">
        <v>3298</v>
      </c>
      <c r="E1684" s="9" t="s">
        <v>86</v>
      </c>
      <c r="F1684" s="11">
        <v>47452</v>
      </c>
    </row>
    <row r="1685" spans="1:6" ht="27.75" customHeight="1">
      <c r="A1685" s="12" t="s">
        <v>3299</v>
      </c>
      <c r="B1685" s="13" t="s">
        <v>3300</v>
      </c>
      <c r="C1685" s="10" t="s">
        <v>3118</v>
      </c>
      <c r="D1685" s="13" t="s">
        <v>3301</v>
      </c>
      <c r="E1685" s="13" t="s">
        <v>21</v>
      </c>
      <c r="F1685" s="11">
        <v>46173</v>
      </c>
    </row>
    <row r="1686" spans="1:6" ht="27.75" customHeight="1">
      <c r="A1686" s="12" t="s">
        <v>3302</v>
      </c>
      <c r="B1686" s="13" t="s">
        <v>3300</v>
      </c>
      <c r="C1686" s="10" t="s">
        <v>3118</v>
      </c>
      <c r="D1686" s="13" t="s">
        <v>3303</v>
      </c>
      <c r="E1686" s="13" t="s">
        <v>21</v>
      </c>
      <c r="F1686" s="11">
        <v>47422</v>
      </c>
    </row>
    <row r="1687" spans="1:6" ht="27.75" customHeight="1">
      <c r="A1687" s="14" t="s">
        <v>3304</v>
      </c>
      <c r="B1687" s="9" t="s">
        <v>3305</v>
      </c>
      <c r="C1687" s="10" t="s">
        <v>3118</v>
      </c>
      <c r="D1687" s="9" t="s">
        <v>3306</v>
      </c>
      <c r="E1687" s="9" t="s">
        <v>3307</v>
      </c>
      <c r="F1687" s="11">
        <v>46173</v>
      </c>
    </row>
    <row r="1688" spans="1:6" ht="27.75" customHeight="1">
      <c r="A1688" s="14" t="s">
        <v>3308</v>
      </c>
      <c r="B1688" s="9" t="s">
        <v>3305</v>
      </c>
      <c r="C1688" s="10" t="s">
        <v>3118</v>
      </c>
      <c r="D1688" s="9" t="s">
        <v>3306</v>
      </c>
      <c r="E1688" s="9" t="s">
        <v>3307</v>
      </c>
      <c r="F1688" s="11">
        <v>46203</v>
      </c>
    </row>
    <row r="1689" spans="1:6" ht="27.75" customHeight="1">
      <c r="A1689" s="8" t="s">
        <v>3309</v>
      </c>
      <c r="B1689" s="9" t="s">
        <v>3310</v>
      </c>
      <c r="C1689" s="10" t="s">
        <v>3118</v>
      </c>
      <c r="D1689" s="9" t="s">
        <v>3311</v>
      </c>
      <c r="E1689" s="9" t="s">
        <v>21</v>
      </c>
      <c r="F1689" s="11">
        <v>47422</v>
      </c>
    </row>
    <row r="1690" spans="1:6" ht="27.75" customHeight="1">
      <c r="A1690" s="12" t="s">
        <v>3312</v>
      </c>
      <c r="B1690" s="13" t="s">
        <v>3310</v>
      </c>
      <c r="C1690" s="10" t="s">
        <v>3118</v>
      </c>
      <c r="D1690" s="13" t="s">
        <v>3311</v>
      </c>
      <c r="E1690" s="13" t="s">
        <v>568</v>
      </c>
      <c r="F1690" s="11">
        <v>46173</v>
      </c>
    </row>
    <row r="1691" spans="1:6" ht="27.75" customHeight="1">
      <c r="A1691" s="8" t="s">
        <v>3313</v>
      </c>
      <c r="B1691" s="13" t="s">
        <v>3310</v>
      </c>
      <c r="C1691" s="10" t="s">
        <v>3118</v>
      </c>
      <c r="D1691" s="13" t="s">
        <v>3311</v>
      </c>
      <c r="E1691" s="13" t="s">
        <v>228</v>
      </c>
      <c r="F1691" s="11">
        <v>47573</v>
      </c>
    </row>
    <row r="1692" spans="1:6" ht="27.75" customHeight="1">
      <c r="A1692" s="14" t="s">
        <v>3314</v>
      </c>
      <c r="B1692" s="9" t="s">
        <v>3310</v>
      </c>
      <c r="C1692" s="10" t="s">
        <v>3118</v>
      </c>
      <c r="D1692" s="9" t="s">
        <v>3311</v>
      </c>
      <c r="E1692" s="9" t="s">
        <v>288</v>
      </c>
      <c r="F1692" s="11">
        <v>47422</v>
      </c>
    </row>
    <row r="1693" spans="1:6" ht="27.75" customHeight="1">
      <c r="A1693" s="14" t="s">
        <v>3315</v>
      </c>
      <c r="B1693" s="9" t="s">
        <v>3310</v>
      </c>
      <c r="C1693" s="10" t="s">
        <v>3118</v>
      </c>
      <c r="D1693" s="9" t="s">
        <v>3311</v>
      </c>
      <c r="E1693" s="9" t="s">
        <v>11</v>
      </c>
      <c r="F1693" s="11">
        <v>47422</v>
      </c>
    </row>
    <row r="1694" spans="1:6" ht="27.75" customHeight="1">
      <c r="A1694" s="12" t="s">
        <v>3316</v>
      </c>
      <c r="B1694" s="13" t="s">
        <v>3310</v>
      </c>
      <c r="C1694" s="10" t="s">
        <v>3118</v>
      </c>
      <c r="D1694" s="13" t="s">
        <v>3311</v>
      </c>
      <c r="E1694" s="13" t="s">
        <v>513</v>
      </c>
      <c r="F1694" s="11">
        <v>47422</v>
      </c>
    </row>
    <row r="1695" spans="1:6" ht="27.75" customHeight="1">
      <c r="A1695" s="8" t="s">
        <v>3317</v>
      </c>
      <c r="B1695" s="13" t="s">
        <v>3310</v>
      </c>
      <c r="C1695" s="10" t="s">
        <v>3118</v>
      </c>
      <c r="D1695" s="9" t="s">
        <v>3311</v>
      </c>
      <c r="E1695" s="13" t="s">
        <v>44</v>
      </c>
      <c r="F1695" s="11">
        <v>47208</v>
      </c>
    </row>
    <row r="1696" spans="1:6" ht="27.75" customHeight="1">
      <c r="A1696" s="15" t="s">
        <v>3318</v>
      </c>
      <c r="B1696" s="13" t="s">
        <v>3310</v>
      </c>
      <c r="C1696" s="10" t="s">
        <v>3118</v>
      </c>
      <c r="D1696" s="9" t="s">
        <v>3311</v>
      </c>
      <c r="E1696" s="13" t="s">
        <v>228</v>
      </c>
      <c r="F1696" s="11">
        <v>47422</v>
      </c>
    </row>
    <row r="1697" spans="1:6" ht="27.75" customHeight="1">
      <c r="A1697" s="12" t="s">
        <v>3319</v>
      </c>
      <c r="B1697" s="13" t="s">
        <v>3310</v>
      </c>
      <c r="C1697" s="10" t="s">
        <v>3118</v>
      </c>
      <c r="D1697" s="13" t="s">
        <v>3311</v>
      </c>
      <c r="E1697" s="13" t="s">
        <v>3083</v>
      </c>
      <c r="F1697" s="11">
        <v>47330</v>
      </c>
    </row>
    <row r="1698" spans="1:6" ht="27.75" customHeight="1">
      <c r="A1698" s="14" t="s">
        <v>3320</v>
      </c>
      <c r="B1698" s="24" t="s">
        <v>3310</v>
      </c>
      <c r="C1698" s="10" t="s">
        <v>3118</v>
      </c>
      <c r="D1698" s="24" t="s">
        <v>3311</v>
      </c>
      <c r="E1698" s="24" t="s">
        <v>568</v>
      </c>
      <c r="F1698" s="11">
        <v>47422</v>
      </c>
    </row>
    <row r="1699" spans="1:6" ht="27.75" customHeight="1">
      <c r="A1699" s="23" t="s">
        <v>3321</v>
      </c>
      <c r="B1699" s="9" t="s">
        <v>3310</v>
      </c>
      <c r="C1699" s="10" t="s">
        <v>3118</v>
      </c>
      <c r="D1699" s="9" t="s">
        <v>3311</v>
      </c>
      <c r="E1699" s="24" t="s">
        <v>11</v>
      </c>
      <c r="F1699" s="11">
        <v>47422</v>
      </c>
    </row>
    <row r="1700" spans="1:6" ht="27.75" customHeight="1">
      <c r="A1700" s="23" t="s">
        <v>3322</v>
      </c>
      <c r="B1700" s="9" t="s">
        <v>3310</v>
      </c>
      <c r="C1700" s="10" t="s">
        <v>3118</v>
      </c>
      <c r="D1700" s="9" t="s">
        <v>3311</v>
      </c>
      <c r="E1700" s="24" t="s">
        <v>228</v>
      </c>
      <c r="F1700" s="11">
        <v>47422</v>
      </c>
    </row>
    <row r="1701" spans="1:6" ht="27.75" customHeight="1">
      <c r="A1701" s="20" t="s">
        <v>3323</v>
      </c>
      <c r="B1701" s="13" t="s">
        <v>3310</v>
      </c>
      <c r="C1701" s="10" t="s">
        <v>3118</v>
      </c>
      <c r="D1701" s="13" t="s">
        <v>3311</v>
      </c>
      <c r="E1701" s="13" t="s">
        <v>228</v>
      </c>
      <c r="F1701" s="11">
        <v>46142</v>
      </c>
    </row>
    <row r="1702" spans="1:6" ht="27.75" customHeight="1">
      <c r="A1702" s="14" t="s">
        <v>3324</v>
      </c>
      <c r="B1702" s="9" t="s">
        <v>3310</v>
      </c>
      <c r="C1702" s="10" t="s">
        <v>3118</v>
      </c>
      <c r="D1702" s="9" t="s">
        <v>3311</v>
      </c>
      <c r="E1702" s="9" t="s">
        <v>40</v>
      </c>
      <c r="F1702" s="11">
        <v>47422</v>
      </c>
    </row>
    <row r="1703" spans="1:6" ht="27.75" customHeight="1">
      <c r="A1703" s="12" t="s">
        <v>3325</v>
      </c>
      <c r="B1703" s="13" t="s">
        <v>3310</v>
      </c>
      <c r="C1703" s="10" t="s">
        <v>3118</v>
      </c>
      <c r="D1703" s="13" t="s">
        <v>3311</v>
      </c>
      <c r="E1703" s="13" t="s">
        <v>44</v>
      </c>
      <c r="F1703" s="11">
        <v>46721</v>
      </c>
    </row>
    <row r="1704" spans="1:6" ht="27.75" customHeight="1">
      <c r="A1704" s="12" t="s">
        <v>3326</v>
      </c>
      <c r="B1704" s="13" t="s">
        <v>3310</v>
      </c>
      <c r="C1704" s="10" t="s">
        <v>3118</v>
      </c>
      <c r="D1704" s="13" t="s">
        <v>3311</v>
      </c>
      <c r="E1704" s="13" t="s">
        <v>115</v>
      </c>
      <c r="F1704" s="11">
        <v>47422</v>
      </c>
    </row>
    <row r="1705" spans="1:6" ht="27.75" customHeight="1">
      <c r="A1705" s="17" t="s">
        <v>3327</v>
      </c>
      <c r="B1705" s="9" t="s">
        <v>3310</v>
      </c>
      <c r="C1705" s="10" t="s">
        <v>3118</v>
      </c>
      <c r="D1705" s="9" t="s">
        <v>3311</v>
      </c>
      <c r="E1705" s="9" t="s">
        <v>132</v>
      </c>
      <c r="F1705" s="11">
        <v>47756</v>
      </c>
    </row>
    <row r="1706" spans="1:6" ht="27.75" customHeight="1">
      <c r="A1706" s="12" t="s">
        <v>3328</v>
      </c>
      <c r="B1706" s="13" t="s">
        <v>3310</v>
      </c>
      <c r="C1706" s="10" t="s">
        <v>3118</v>
      </c>
      <c r="D1706" s="13" t="s">
        <v>3311</v>
      </c>
      <c r="E1706" s="13" t="s">
        <v>40</v>
      </c>
      <c r="F1706" s="11">
        <v>47422</v>
      </c>
    </row>
    <row r="1707" spans="1:6" ht="27.75" customHeight="1">
      <c r="A1707" s="20" t="s">
        <v>3329</v>
      </c>
      <c r="B1707" s="18" t="s">
        <v>3310</v>
      </c>
      <c r="C1707" s="10" t="s">
        <v>3118</v>
      </c>
      <c r="D1707" s="18" t="s">
        <v>3311</v>
      </c>
      <c r="E1707" s="18" t="s">
        <v>234</v>
      </c>
      <c r="F1707" s="11">
        <v>47938</v>
      </c>
    </row>
    <row r="1708" spans="1:6" ht="27.75" customHeight="1">
      <c r="A1708" s="14" t="s">
        <v>3330</v>
      </c>
      <c r="B1708" s="9" t="s">
        <v>3310</v>
      </c>
      <c r="C1708" s="10" t="s">
        <v>3118</v>
      </c>
      <c r="D1708" s="9" t="s">
        <v>3311</v>
      </c>
      <c r="E1708" s="9" t="s">
        <v>228</v>
      </c>
      <c r="F1708" s="11">
        <v>47422</v>
      </c>
    </row>
    <row r="1709" spans="1:6" ht="27.75" customHeight="1">
      <c r="A1709" s="14" t="s">
        <v>3331</v>
      </c>
      <c r="B1709" s="9" t="s">
        <v>3310</v>
      </c>
      <c r="C1709" s="10" t="s">
        <v>3118</v>
      </c>
      <c r="D1709" s="9" t="s">
        <v>3311</v>
      </c>
      <c r="E1709" s="9" t="s">
        <v>3332</v>
      </c>
      <c r="F1709" s="11">
        <v>47634</v>
      </c>
    </row>
    <row r="1710" spans="1:6" ht="27.75" customHeight="1">
      <c r="A1710" s="12" t="s">
        <v>3333</v>
      </c>
      <c r="B1710" s="13" t="s">
        <v>3310</v>
      </c>
      <c r="C1710" s="10" t="s">
        <v>3118</v>
      </c>
      <c r="D1710" s="13" t="s">
        <v>3311</v>
      </c>
      <c r="E1710" s="13" t="s">
        <v>828</v>
      </c>
      <c r="F1710" s="11">
        <v>47087</v>
      </c>
    </row>
    <row r="1711" spans="1:6" ht="27.75" customHeight="1">
      <c r="A1711" s="12" t="s">
        <v>3334</v>
      </c>
      <c r="B1711" s="13" t="s">
        <v>3310</v>
      </c>
      <c r="C1711" s="10" t="s">
        <v>3118</v>
      </c>
      <c r="D1711" s="13" t="s">
        <v>3311</v>
      </c>
      <c r="E1711" s="13" t="s">
        <v>196</v>
      </c>
      <c r="F1711" s="11">
        <v>47422</v>
      </c>
    </row>
    <row r="1712" spans="1:6" ht="27.75" customHeight="1">
      <c r="A1712" s="14" t="s">
        <v>3335</v>
      </c>
      <c r="B1712" s="9" t="s">
        <v>3310</v>
      </c>
      <c r="C1712" s="10" t="s">
        <v>3118</v>
      </c>
      <c r="D1712" s="9" t="s">
        <v>3311</v>
      </c>
      <c r="E1712" s="9" t="s">
        <v>115</v>
      </c>
      <c r="F1712" s="11">
        <v>47938</v>
      </c>
    </row>
    <row r="1713" spans="1:6" ht="27.75" customHeight="1">
      <c r="A1713" s="12" t="s">
        <v>3336</v>
      </c>
      <c r="B1713" s="13" t="s">
        <v>3310</v>
      </c>
      <c r="C1713" s="10" t="s">
        <v>3118</v>
      </c>
      <c r="D1713" s="13" t="s">
        <v>3311</v>
      </c>
      <c r="E1713" s="13" t="s">
        <v>40</v>
      </c>
      <c r="F1713" s="11">
        <v>47452</v>
      </c>
    </row>
    <row r="1714" spans="1:6" ht="27.75" customHeight="1">
      <c r="A1714" s="14" t="s">
        <v>3337</v>
      </c>
      <c r="B1714" s="9" t="s">
        <v>3310</v>
      </c>
      <c r="C1714" s="10" t="s">
        <v>3118</v>
      </c>
      <c r="D1714" s="9" t="s">
        <v>3311</v>
      </c>
      <c r="E1714" s="9" t="s">
        <v>284</v>
      </c>
      <c r="F1714" s="11">
        <v>46173</v>
      </c>
    </row>
    <row r="1715" spans="1:6" ht="27.75" customHeight="1">
      <c r="A1715" s="14" t="s">
        <v>3338</v>
      </c>
      <c r="B1715" s="9" t="s">
        <v>3310</v>
      </c>
      <c r="C1715" s="10" t="s">
        <v>3118</v>
      </c>
      <c r="D1715" s="9" t="s">
        <v>3311</v>
      </c>
      <c r="E1715" s="9" t="s">
        <v>253</v>
      </c>
      <c r="F1715" s="11">
        <v>47817</v>
      </c>
    </row>
    <row r="1716" spans="1:6" ht="27.75" customHeight="1">
      <c r="A1716" s="8" t="s">
        <v>3339</v>
      </c>
      <c r="B1716" s="13" t="s">
        <v>3340</v>
      </c>
      <c r="C1716" s="10" t="s">
        <v>3118</v>
      </c>
      <c r="D1716" s="13" t="s">
        <v>3341</v>
      </c>
      <c r="E1716" s="13" t="s">
        <v>86</v>
      </c>
      <c r="F1716" s="11">
        <v>47422</v>
      </c>
    </row>
    <row r="1717" spans="1:6" ht="27.75" customHeight="1">
      <c r="A1717" s="12" t="s">
        <v>3342</v>
      </c>
      <c r="B1717" s="13" t="s">
        <v>3340</v>
      </c>
      <c r="C1717" s="10" t="s">
        <v>3118</v>
      </c>
      <c r="D1717" s="13" t="s">
        <v>3341</v>
      </c>
      <c r="E1717" s="13" t="s">
        <v>288</v>
      </c>
      <c r="F1717" s="11">
        <v>47422</v>
      </c>
    </row>
    <row r="1718" spans="1:6" ht="27.75" customHeight="1">
      <c r="A1718" s="14" t="s">
        <v>3343</v>
      </c>
      <c r="B1718" s="13" t="s">
        <v>3340</v>
      </c>
      <c r="C1718" s="10" t="s">
        <v>3118</v>
      </c>
      <c r="D1718" s="9" t="s">
        <v>3341</v>
      </c>
      <c r="E1718" s="9" t="s">
        <v>232</v>
      </c>
      <c r="F1718" s="11">
        <v>47422</v>
      </c>
    </row>
    <row r="1719" spans="1:6" ht="27.75" customHeight="1">
      <c r="A1719" s="14" t="s">
        <v>3344</v>
      </c>
      <c r="B1719" s="13" t="s">
        <v>3340</v>
      </c>
      <c r="C1719" s="10" t="s">
        <v>3118</v>
      </c>
      <c r="D1719" s="9" t="s">
        <v>3341</v>
      </c>
      <c r="E1719" s="9" t="s">
        <v>115</v>
      </c>
      <c r="F1719" s="11">
        <v>47422</v>
      </c>
    </row>
    <row r="1720" spans="1:6" ht="27.75" customHeight="1">
      <c r="A1720" s="12" t="s">
        <v>3345</v>
      </c>
      <c r="B1720" s="13" t="s">
        <v>3340</v>
      </c>
      <c r="C1720" s="10" t="s">
        <v>3118</v>
      </c>
      <c r="D1720" s="13" t="s">
        <v>3341</v>
      </c>
      <c r="E1720" s="13" t="s">
        <v>21</v>
      </c>
      <c r="F1720" s="11">
        <v>47422</v>
      </c>
    </row>
    <row r="1721" spans="1:6" ht="27.75" customHeight="1">
      <c r="A1721" s="12" t="s">
        <v>3346</v>
      </c>
      <c r="B1721" s="13" t="s">
        <v>3347</v>
      </c>
      <c r="C1721" s="10" t="s">
        <v>3118</v>
      </c>
      <c r="D1721" s="13" t="s">
        <v>3348</v>
      </c>
      <c r="E1721" s="13" t="s">
        <v>1374</v>
      </c>
      <c r="F1721" s="11">
        <v>47483</v>
      </c>
    </row>
    <row r="1722" spans="1:6" ht="27.75" customHeight="1">
      <c r="A1722" s="8" t="s">
        <v>3349</v>
      </c>
      <c r="B1722" s="13" t="s">
        <v>1826</v>
      </c>
      <c r="C1722" s="10" t="s">
        <v>3118</v>
      </c>
      <c r="D1722" s="13" t="s">
        <v>3350</v>
      </c>
      <c r="E1722" s="13" t="s">
        <v>3351</v>
      </c>
      <c r="F1722" s="11">
        <v>46265</v>
      </c>
    </row>
    <row r="1723" spans="1:6" ht="27.75" customHeight="1">
      <c r="A1723" s="20" t="s">
        <v>3352</v>
      </c>
      <c r="B1723" s="13" t="s">
        <v>1826</v>
      </c>
      <c r="C1723" s="10" t="s">
        <v>3118</v>
      </c>
      <c r="D1723" s="13" t="s">
        <v>3350</v>
      </c>
      <c r="E1723" s="13" t="s">
        <v>369</v>
      </c>
      <c r="F1723" s="11">
        <v>46630</v>
      </c>
    </row>
    <row r="1724" spans="1:6" ht="27.75" customHeight="1">
      <c r="A1724" s="12" t="s">
        <v>3353</v>
      </c>
      <c r="B1724" s="18" t="s">
        <v>1826</v>
      </c>
      <c r="C1724" s="10" t="s">
        <v>3118</v>
      </c>
      <c r="D1724" s="18" t="s">
        <v>3350</v>
      </c>
      <c r="E1724" s="18" t="s">
        <v>369</v>
      </c>
      <c r="F1724" s="19">
        <v>46630</v>
      </c>
    </row>
    <row r="1725" spans="1:6" ht="27.75" customHeight="1">
      <c r="A1725" s="8" t="s">
        <v>3354</v>
      </c>
      <c r="B1725" s="9" t="s">
        <v>1826</v>
      </c>
      <c r="C1725" s="10" t="s">
        <v>3118</v>
      </c>
      <c r="D1725" s="9" t="s">
        <v>3350</v>
      </c>
      <c r="E1725" s="24" t="s">
        <v>3355</v>
      </c>
      <c r="F1725" s="11">
        <v>46630</v>
      </c>
    </row>
    <row r="1726" spans="1:6" ht="27.75" customHeight="1">
      <c r="A1726" s="8" t="s">
        <v>3356</v>
      </c>
      <c r="B1726" s="13" t="s">
        <v>3357</v>
      </c>
      <c r="C1726" s="10" t="s">
        <v>3118</v>
      </c>
      <c r="D1726" s="13" t="s">
        <v>3358</v>
      </c>
      <c r="E1726" s="13" t="s">
        <v>75</v>
      </c>
      <c r="F1726" s="11">
        <v>47483</v>
      </c>
    </row>
    <row r="1727" spans="1:6" ht="27.75" customHeight="1">
      <c r="A1727" s="17" t="s">
        <v>3359</v>
      </c>
      <c r="B1727" s="9" t="s">
        <v>3360</v>
      </c>
      <c r="C1727" s="10" t="s">
        <v>3118</v>
      </c>
      <c r="D1727" s="9" t="s">
        <v>3361</v>
      </c>
      <c r="E1727" s="9" t="s">
        <v>142</v>
      </c>
      <c r="F1727" s="11">
        <v>47269</v>
      </c>
    </row>
    <row r="1728" spans="1:6" ht="27.75" customHeight="1">
      <c r="A1728" s="14" t="s">
        <v>3362</v>
      </c>
      <c r="B1728" s="9" t="s">
        <v>3360</v>
      </c>
      <c r="C1728" s="10" t="s">
        <v>3118</v>
      </c>
      <c r="D1728" s="9" t="s">
        <v>3361</v>
      </c>
      <c r="E1728" s="9" t="s">
        <v>3363</v>
      </c>
      <c r="F1728" s="11">
        <v>47269</v>
      </c>
    </row>
    <row r="1729" spans="1:6" ht="27.75" customHeight="1">
      <c r="A1729" s="12" t="s">
        <v>3364</v>
      </c>
      <c r="B1729" s="13" t="s">
        <v>3365</v>
      </c>
      <c r="C1729" s="10" t="s">
        <v>3118</v>
      </c>
      <c r="D1729" s="13" t="s">
        <v>3366</v>
      </c>
      <c r="E1729" s="13" t="s">
        <v>17</v>
      </c>
      <c r="F1729" s="11">
        <v>47634</v>
      </c>
    </row>
    <row r="1730" spans="1:6" ht="27.75" customHeight="1">
      <c r="A1730" s="15" t="s">
        <v>3367</v>
      </c>
      <c r="B1730" s="13" t="s">
        <v>3368</v>
      </c>
      <c r="C1730" s="10" t="s">
        <v>3118</v>
      </c>
      <c r="D1730" s="9" t="s">
        <v>3369</v>
      </c>
      <c r="E1730" s="13" t="s">
        <v>3370</v>
      </c>
      <c r="F1730" s="11">
        <v>47514</v>
      </c>
    </row>
    <row r="1731" spans="1:6" ht="27.75" customHeight="1">
      <c r="A1731" s="12" t="s">
        <v>3371</v>
      </c>
      <c r="B1731" s="13" t="s">
        <v>3372</v>
      </c>
      <c r="C1731" s="10" t="s">
        <v>3118</v>
      </c>
      <c r="D1731" s="9" t="s">
        <v>3373</v>
      </c>
      <c r="E1731" s="9" t="s">
        <v>44</v>
      </c>
      <c r="F1731" s="11">
        <v>47848</v>
      </c>
    </row>
    <row r="1732" spans="1:6" ht="27.75" customHeight="1">
      <c r="A1732" s="17" t="s">
        <v>3374</v>
      </c>
      <c r="B1732" s="9" t="s">
        <v>3372</v>
      </c>
      <c r="C1732" s="10" t="s">
        <v>3118</v>
      </c>
      <c r="D1732" s="9" t="s">
        <v>3373</v>
      </c>
      <c r="E1732" s="9" t="s">
        <v>86</v>
      </c>
      <c r="F1732" s="11">
        <v>47208</v>
      </c>
    </row>
    <row r="1733" spans="1:6" ht="27.75" customHeight="1">
      <c r="A1733" s="23" t="s">
        <v>3375</v>
      </c>
      <c r="B1733" s="9" t="s">
        <v>3376</v>
      </c>
      <c r="C1733" s="10" t="s">
        <v>3118</v>
      </c>
      <c r="D1733" s="9" t="s">
        <v>3377</v>
      </c>
      <c r="E1733" s="24" t="s">
        <v>3378</v>
      </c>
      <c r="F1733" s="11">
        <v>47422</v>
      </c>
    </row>
    <row r="1734" spans="1:6" ht="27.75" customHeight="1">
      <c r="A1734" s="12" t="s">
        <v>3379</v>
      </c>
      <c r="B1734" s="18" t="s">
        <v>3380</v>
      </c>
      <c r="C1734" s="10" t="s">
        <v>3118</v>
      </c>
      <c r="D1734" s="18" t="s">
        <v>3381</v>
      </c>
      <c r="E1734" s="18" t="s">
        <v>17</v>
      </c>
      <c r="F1734" s="19">
        <v>47452</v>
      </c>
    </row>
    <row r="1735" spans="1:6" ht="27.75" customHeight="1">
      <c r="A1735" s="12" t="s">
        <v>3382</v>
      </c>
      <c r="B1735" s="13" t="s">
        <v>3383</v>
      </c>
      <c r="C1735" s="10" t="s">
        <v>3118</v>
      </c>
      <c r="D1735" s="13" t="s">
        <v>3384</v>
      </c>
      <c r="E1735" s="13" t="s">
        <v>1343</v>
      </c>
      <c r="F1735" s="11">
        <v>46173</v>
      </c>
    </row>
    <row r="1736" spans="1:6" ht="27.75" customHeight="1">
      <c r="A1736" s="17" t="s">
        <v>3385</v>
      </c>
      <c r="B1736" s="26" t="s">
        <v>3386</v>
      </c>
      <c r="C1736" s="10" t="s">
        <v>3118</v>
      </c>
      <c r="D1736" s="9" t="s">
        <v>3387</v>
      </c>
      <c r="E1736" s="9" t="s">
        <v>196</v>
      </c>
      <c r="F1736" s="11">
        <v>46934</v>
      </c>
    </row>
    <row r="1737" spans="1:6" ht="27.75" customHeight="1">
      <c r="A1737" s="17" t="s">
        <v>3388</v>
      </c>
      <c r="B1737" s="26" t="s">
        <v>3386</v>
      </c>
      <c r="C1737" s="10" t="s">
        <v>3118</v>
      </c>
      <c r="D1737" s="9" t="s">
        <v>3387</v>
      </c>
      <c r="E1737" s="26" t="s">
        <v>21</v>
      </c>
      <c r="F1737" s="11">
        <v>47422</v>
      </c>
    </row>
    <row r="1738" spans="1:6" ht="27.75" customHeight="1">
      <c r="A1738" s="14" t="s">
        <v>3389</v>
      </c>
      <c r="B1738" s="26" t="s">
        <v>3386</v>
      </c>
      <c r="C1738" s="10" t="s">
        <v>3118</v>
      </c>
      <c r="D1738" s="9" t="s">
        <v>3387</v>
      </c>
      <c r="E1738" s="9" t="s">
        <v>40</v>
      </c>
      <c r="F1738" s="11">
        <v>46599</v>
      </c>
    </row>
    <row r="1739" spans="1:6" ht="27.75" customHeight="1">
      <c r="A1739" s="14" t="s">
        <v>3390</v>
      </c>
      <c r="B1739" s="26" t="s">
        <v>3391</v>
      </c>
      <c r="C1739" s="10" t="s">
        <v>3118</v>
      </c>
      <c r="D1739" s="9" t="s">
        <v>3392</v>
      </c>
      <c r="E1739" s="9" t="s">
        <v>21</v>
      </c>
      <c r="F1739" s="11">
        <v>47603</v>
      </c>
    </row>
    <row r="1740" spans="1:6" ht="27.75" customHeight="1">
      <c r="A1740" s="12" t="s">
        <v>3393</v>
      </c>
      <c r="B1740" s="13" t="s">
        <v>3394</v>
      </c>
      <c r="C1740" s="10" t="s">
        <v>3118</v>
      </c>
      <c r="D1740" s="13" t="s">
        <v>3395</v>
      </c>
      <c r="E1740" s="13" t="s">
        <v>3396</v>
      </c>
      <c r="F1740" s="11">
        <v>47603</v>
      </c>
    </row>
    <row r="1741" spans="1:6" ht="27.75" customHeight="1">
      <c r="A1741" s="17" t="s">
        <v>3397</v>
      </c>
      <c r="B1741" s="26" t="s">
        <v>3398</v>
      </c>
      <c r="C1741" s="10" t="s">
        <v>3118</v>
      </c>
      <c r="D1741" s="9" t="s">
        <v>3399</v>
      </c>
      <c r="E1741" s="26" t="s">
        <v>274</v>
      </c>
      <c r="F1741" s="11">
        <v>46142</v>
      </c>
    </row>
    <row r="1742" spans="1:6" ht="27.75" customHeight="1">
      <c r="A1742" s="12" t="s">
        <v>3400</v>
      </c>
      <c r="B1742" s="13" t="s">
        <v>3401</v>
      </c>
      <c r="C1742" s="10" t="s">
        <v>3118</v>
      </c>
      <c r="D1742" s="13" t="s">
        <v>3402</v>
      </c>
      <c r="E1742" s="13" t="s">
        <v>17</v>
      </c>
      <c r="F1742" s="11">
        <v>47422</v>
      </c>
    </row>
    <row r="1743" spans="1:6" ht="27.75" customHeight="1">
      <c r="A1743" s="12" t="s">
        <v>3403</v>
      </c>
      <c r="B1743" s="13" t="s">
        <v>3404</v>
      </c>
      <c r="C1743" s="10" t="s">
        <v>3118</v>
      </c>
      <c r="D1743" s="13" t="s">
        <v>3405</v>
      </c>
      <c r="E1743" s="13" t="s">
        <v>3406</v>
      </c>
      <c r="F1743" s="11">
        <v>47422</v>
      </c>
    </row>
    <row r="1744" spans="1:6" ht="27.75" customHeight="1">
      <c r="A1744" s="14" t="s">
        <v>3407</v>
      </c>
      <c r="B1744" s="26" t="s">
        <v>3408</v>
      </c>
      <c r="C1744" s="10" t="s">
        <v>3118</v>
      </c>
      <c r="D1744" s="9" t="s">
        <v>3409</v>
      </c>
      <c r="E1744" s="9" t="s">
        <v>300</v>
      </c>
      <c r="F1744" s="11">
        <v>47422</v>
      </c>
    </row>
    <row r="1745" spans="1:6" ht="27.75" customHeight="1">
      <c r="A1745" s="12" t="s">
        <v>3410</v>
      </c>
      <c r="B1745" s="13" t="s">
        <v>3411</v>
      </c>
      <c r="C1745" s="10" t="s">
        <v>3118</v>
      </c>
      <c r="D1745" s="13" t="s">
        <v>3412</v>
      </c>
      <c r="E1745" s="13" t="s">
        <v>228</v>
      </c>
      <c r="F1745" s="11">
        <v>47603</v>
      </c>
    </row>
    <row r="1746" spans="1:6" ht="27.75" customHeight="1">
      <c r="A1746" s="20" t="s">
        <v>3413</v>
      </c>
      <c r="B1746" s="13" t="s">
        <v>3411</v>
      </c>
      <c r="C1746" s="10" t="s">
        <v>3118</v>
      </c>
      <c r="D1746" s="13" t="s">
        <v>3412</v>
      </c>
      <c r="E1746" s="13" t="s">
        <v>11</v>
      </c>
      <c r="F1746" s="11">
        <v>47452</v>
      </c>
    </row>
    <row r="1747" spans="1:6" ht="27.75" customHeight="1">
      <c r="A1747" s="14" t="s">
        <v>3414</v>
      </c>
      <c r="B1747" s="9" t="s">
        <v>3415</v>
      </c>
      <c r="C1747" s="10" t="s">
        <v>3118</v>
      </c>
      <c r="D1747" s="9" t="s">
        <v>3416</v>
      </c>
      <c r="E1747" s="9" t="s">
        <v>224</v>
      </c>
      <c r="F1747" s="11">
        <v>46873</v>
      </c>
    </row>
    <row r="1748" spans="1:6" ht="27.75" customHeight="1">
      <c r="A1748" s="17" t="s">
        <v>3417</v>
      </c>
      <c r="B1748" s="26" t="s">
        <v>3418</v>
      </c>
      <c r="C1748" s="10" t="s">
        <v>3118</v>
      </c>
      <c r="D1748" s="9" t="s">
        <v>3419</v>
      </c>
      <c r="E1748" s="26" t="s">
        <v>44</v>
      </c>
      <c r="F1748" s="11">
        <v>47422</v>
      </c>
    </row>
    <row r="1749" spans="1:6" ht="27.75" customHeight="1">
      <c r="A1749" s="8" t="s">
        <v>3420</v>
      </c>
      <c r="B1749" s="9" t="s">
        <v>3421</v>
      </c>
      <c r="C1749" s="10" t="s">
        <v>3118</v>
      </c>
      <c r="D1749" s="9" t="s">
        <v>3422</v>
      </c>
      <c r="E1749" s="9" t="s">
        <v>3423</v>
      </c>
      <c r="F1749" s="11">
        <v>47422</v>
      </c>
    </row>
    <row r="1750" spans="1:6" ht="27.75" customHeight="1">
      <c r="A1750" s="14" t="s">
        <v>3424</v>
      </c>
      <c r="B1750" s="26" t="s">
        <v>3421</v>
      </c>
      <c r="C1750" s="10" t="s">
        <v>3118</v>
      </c>
      <c r="D1750" s="9" t="s">
        <v>3422</v>
      </c>
      <c r="E1750" s="9" t="s">
        <v>641</v>
      </c>
      <c r="F1750" s="11">
        <v>47422</v>
      </c>
    </row>
    <row r="1751" spans="1:6" ht="27.75" customHeight="1">
      <c r="A1751" s="12" t="s">
        <v>3425</v>
      </c>
      <c r="B1751" s="13" t="s">
        <v>3426</v>
      </c>
      <c r="C1751" s="10" t="s">
        <v>3427</v>
      </c>
      <c r="D1751" s="13" t="s">
        <v>3428</v>
      </c>
      <c r="E1751" s="13" t="s">
        <v>44</v>
      </c>
      <c r="F1751" s="11">
        <v>47879</v>
      </c>
    </row>
    <row r="1752" spans="1:6" ht="27.75" customHeight="1">
      <c r="A1752" s="12" t="s">
        <v>3429</v>
      </c>
      <c r="B1752" s="13" t="s">
        <v>3430</v>
      </c>
      <c r="C1752" s="10" t="s">
        <v>3427</v>
      </c>
      <c r="D1752" s="13" t="s">
        <v>3428</v>
      </c>
      <c r="E1752" s="13" t="s">
        <v>25</v>
      </c>
      <c r="F1752" s="11">
        <v>47087</v>
      </c>
    </row>
    <row r="1753" spans="1:6" ht="27.75" customHeight="1">
      <c r="A1753" s="12" t="s">
        <v>3431</v>
      </c>
      <c r="B1753" s="18" t="s">
        <v>3432</v>
      </c>
      <c r="C1753" s="10" t="s">
        <v>3427</v>
      </c>
      <c r="D1753" s="18" t="s">
        <v>3433</v>
      </c>
      <c r="E1753" s="18" t="s">
        <v>35</v>
      </c>
      <c r="F1753" s="19">
        <v>47422</v>
      </c>
    </row>
    <row r="1754" spans="1:6" ht="27.75" customHeight="1">
      <c r="A1754" s="14" t="s">
        <v>3434</v>
      </c>
      <c r="B1754" s="9" t="s">
        <v>3435</v>
      </c>
      <c r="C1754" s="10" t="s">
        <v>3427</v>
      </c>
      <c r="D1754" s="9" t="s">
        <v>3436</v>
      </c>
      <c r="E1754" s="9" t="s">
        <v>17</v>
      </c>
      <c r="F1754" s="11">
        <v>47422</v>
      </c>
    </row>
    <row r="1755" spans="1:6" ht="27.75" customHeight="1">
      <c r="A1755" s="12" t="s">
        <v>3437</v>
      </c>
      <c r="B1755" s="13" t="s">
        <v>3435</v>
      </c>
      <c r="C1755" s="10" t="s">
        <v>3427</v>
      </c>
      <c r="D1755" s="13" t="s">
        <v>3438</v>
      </c>
      <c r="E1755" s="13" t="s">
        <v>17</v>
      </c>
      <c r="F1755" s="11">
        <v>47149</v>
      </c>
    </row>
    <row r="1756" spans="1:6" ht="27.75" customHeight="1">
      <c r="A1756" s="14" t="s">
        <v>3439</v>
      </c>
      <c r="B1756" s="9" t="s">
        <v>3435</v>
      </c>
      <c r="C1756" s="10" t="s">
        <v>3427</v>
      </c>
      <c r="D1756" s="9" t="s">
        <v>3438</v>
      </c>
      <c r="E1756" s="9" t="s">
        <v>17</v>
      </c>
      <c r="F1756" s="11">
        <v>46538</v>
      </c>
    </row>
    <row r="1757" spans="1:6" ht="27.75" customHeight="1">
      <c r="A1757" s="15" t="s">
        <v>3440</v>
      </c>
      <c r="B1757" s="27" t="s">
        <v>3435</v>
      </c>
      <c r="C1757" s="10" t="s">
        <v>3427</v>
      </c>
      <c r="D1757" s="9" t="s">
        <v>3438</v>
      </c>
      <c r="E1757" s="27" t="s">
        <v>17</v>
      </c>
      <c r="F1757" s="11">
        <v>47573</v>
      </c>
    </row>
    <row r="1758" spans="1:6" ht="27.75" customHeight="1">
      <c r="A1758" s="14" t="s">
        <v>3441</v>
      </c>
      <c r="B1758" s="9" t="s">
        <v>3442</v>
      </c>
      <c r="C1758" s="10" t="s">
        <v>3427</v>
      </c>
      <c r="D1758" s="9" t="s">
        <v>3443</v>
      </c>
      <c r="E1758" s="9" t="s">
        <v>3444</v>
      </c>
      <c r="F1758" s="11">
        <v>46904</v>
      </c>
    </row>
    <row r="1759" spans="1:6" ht="27.75" customHeight="1">
      <c r="A1759" s="12" t="s">
        <v>3445</v>
      </c>
      <c r="B1759" s="13" t="s">
        <v>3442</v>
      </c>
      <c r="C1759" s="10" t="s">
        <v>3427</v>
      </c>
      <c r="D1759" s="13" t="s">
        <v>3443</v>
      </c>
      <c r="E1759" s="13" t="s">
        <v>21</v>
      </c>
      <c r="F1759" s="11">
        <v>47514</v>
      </c>
    </row>
    <row r="1760" spans="1:6" ht="27.75" customHeight="1">
      <c r="A1760" s="17" t="s">
        <v>3446</v>
      </c>
      <c r="B1760" s="9" t="s">
        <v>3442</v>
      </c>
      <c r="C1760" s="10" t="s">
        <v>3427</v>
      </c>
      <c r="D1760" s="9" t="s">
        <v>3443</v>
      </c>
      <c r="E1760" s="9" t="s">
        <v>21</v>
      </c>
      <c r="F1760" s="11">
        <v>47514</v>
      </c>
    </row>
    <row r="1761" spans="1:6" ht="27.75" customHeight="1">
      <c r="A1761" s="12" t="s">
        <v>3447</v>
      </c>
      <c r="B1761" s="13" t="s">
        <v>3442</v>
      </c>
      <c r="C1761" s="10" t="s">
        <v>3427</v>
      </c>
      <c r="D1761" s="13" t="s">
        <v>3443</v>
      </c>
      <c r="E1761" s="13" t="s">
        <v>44</v>
      </c>
      <c r="F1761" s="11">
        <v>46538</v>
      </c>
    </row>
    <row r="1762" spans="1:6" ht="27.75" customHeight="1">
      <c r="A1762" s="12" t="s">
        <v>3448</v>
      </c>
      <c r="B1762" s="13" t="s">
        <v>3442</v>
      </c>
      <c r="C1762" s="10" t="s">
        <v>3427</v>
      </c>
      <c r="D1762" s="13" t="s">
        <v>3443</v>
      </c>
      <c r="E1762" s="13" t="s">
        <v>228</v>
      </c>
      <c r="F1762" s="11">
        <v>46904</v>
      </c>
    </row>
    <row r="1763" spans="1:6" ht="27.75" customHeight="1">
      <c r="A1763" s="12" t="s">
        <v>3449</v>
      </c>
      <c r="B1763" s="18" t="s">
        <v>3442</v>
      </c>
      <c r="C1763" s="10" t="s">
        <v>3427</v>
      </c>
      <c r="D1763" s="18" t="s">
        <v>3443</v>
      </c>
      <c r="E1763" s="18" t="s">
        <v>234</v>
      </c>
      <c r="F1763" s="19">
        <v>47514</v>
      </c>
    </row>
    <row r="1764" spans="1:6" ht="27.75" customHeight="1">
      <c r="A1764" s="12" t="s">
        <v>3450</v>
      </c>
      <c r="B1764" s="13" t="s">
        <v>3442</v>
      </c>
      <c r="C1764" s="10" t="s">
        <v>3427</v>
      </c>
      <c r="D1764" s="13" t="s">
        <v>3443</v>
      </c>
      <c r="E1764" s="13" t="s">
        <v>17</v>
      </c>
      <c r="F1764" s="11">
        <v>47422</v>
      </c>
    </row>
    <row r="1765" spans="1:6" ht="27.75" customHeight="1">
      <c r="A1765" s="14" t="s">
        <v>3451</v>
      </c>
      <c r="B1765" s="9" t="s">
        <v>3442</v>
      </c>
      <c r="C1765" s="10" t="s">
        <v>3427</v>
      </c>
      <c r="D1765" s="9" t="s">
        <v>3443</v>
      </c>
      <c r="E1765" s="9" t="s">
        <v>228</v>
      </c>
      <c r="F1765" s="11">
        <v>47483</v>
      </c>
    </row>
    <row r="1766" spans="1:6" ht="27.75" customHeight="1">
      <c r="A1766" s="17" t="s">
        <v>3452</v>
      </c>
      <c r="B1766" s="9" t="s">
        <v>3442</v>
      </c>
      <c r="C1766" s="10" t="s">
        <v>3427</v>
      </c>
      <c r="D1766" s="9" t="s">
        <v>3443</v>
      </c>
      <c r="E1766" s="9" t="s">
        <v>111</v>
      </c>
      <c r="F1766" s="11">
        <v>47238</v>
      </c>
    </row>
    <row r="1767" spans="1:6" ht="27.75" customHeight="1">
      <c r="A1767" s="14" t="s">
        <v>3453</v>
      </c>
      <c r="B1767" s="9" t="s">
        <v>3442</v>
      </c>
      <c r="C1767" s="10" t="s">
        <v>3427</v>
      </c>
      <c r="D1767" s="9" t="s">
        <v>3443</v>
      </c>
      <c r="E1767" s="9" t="s">
        <v>40</v>
      </c>
      <c r="F1767" s="11">
        <v>47573</v>
      </c>
    </row>
    <row r="1768" spans="1:6" ht="27.75" customHeight="1">
      <c r="A1768" s="17" t="s">
        <v>3454</v>
      </c>
      <c r="B1768" s="9" t="s">
        <v>3442</v>
      </c>
      <c r="C1768" s="10" t="s">
        <v>3427</v>
      </c>
      <c r="D1768" s="9" t="s">
        <v>3443</v>
      </c>
      <c r="E1768" s="9" t="s">
        <v>115</v>
      </c>
      <c r="F1768" s="11">
        <v>47238</v>
      </c>
    </row>
    <row r="1769" spans="1:6" ht="27.75" customHeight="1">
      <c r="A1769" s="14" t="s">
        <v>3455</v>
      </c>
      <c r="B1769" s="9" t="s">
        <v>3442</v>
      </c>
      <c r="C1769" s="10" t="s">
        <v>3427</v>
      </c>
      <c r="D1769" s="9" t="s">
        <v>3443</v>
      </c>
      <c r="E1769" s="9" t="s">
        <v>115</v>
      </c>
      <c r="F1769" s="11">
        <v>46904</v>
      </c>
    </row>
    <row r="1770" spans="1:6" ht="27.75" customHeight="1">
      <c r="A1770" s="8" t="s">
        <v>3456</v>
      </c>
      <c r="B1770" s="9" t="s">
        <v>3442</v>
      </c>
      <c r="C1770" s="10" t="s">
        <v>3427</v>
      </c>
      <c r="D1770" s="9" t="s">
        <v>3443</v>
      </c>
      <c r="E1770" s="9" t="s">
        <v>17</v>
      </c>
      <c r="F1770" s="11">
        <v>46843</v>
      </c>
    </row>
    <row r="1771" spans="1:6" ht="27.75" customHeight="1">
      <c r="A1771" s="8" t="s">
        <v>3457</v>
      </c>
      <c r="B1771" s="13" t="s">
        <v>3442</v>
      </c>
      <c r="C1771" s="10" t="s">
        <v>3427</v>
      </c>
      <c r="D1771" s="13" t="s">
        <v>3443</v>
      </c>
      <c r="E1771" s="13" t="s">
        <v>21</v>
      </c>
      <c r="F1771" s="11">
        <v>47483</v>
      </c>
    </row>
    <row r="1772" spans="1:6" ht="27.75" customHeight="1">
      <c r="A1772" s="14" t="s">
        <v>3458</v>
      </c>
      <c r="B1772" s="9" t="s">
        <v>3442</v>
      </c>
      <c r="C1772" s="10" t="s">
        <v>3427</v>
      </c>
      <c r="D1772" s="9" t="s">
        <v>3443</v>
      </c>
      <c r="E1772" s="9" t="s">
        <v>232</v>
      </c>
      <c r="F1772" s="11">
        <v>46538</v>
      </c>
    </row>
    <row r="1773" spans="1:6" ht="27.75" customHeight="1">
      <c r="A1773" s="12" t="s">
        <v>3459</v>
      </c>
      <c r="B1773" s="13" t="s">
        <v>3460</v>
      </c>
      <c r="C1773" s="10" t="s">
        <v>3427</v>
      </c>
      <c r="D1773" s="13" t="s">
        <v>3461</v>
      </c>
      <c r="E1773" s="13" t="s">
        <v>1644</v>
      </c>
      <c r="F1773" s="11">
        <v>47118</v>
      </c>
    </row>
    <row r="1774" spans="1:6" ht="27.75" customHeight="1">
      <c r="A1774" s="12" t="s">
        <v>3462</v>
      </c>
      <c r="B1774" s="13" t="s">
        <v>3463</v>
      </c>
      <c r="C1774" s="10" t="s">
        <v>3427</v>
      </c>
      <c r="D1774" s="13" t="s">
        <v>3464</v>
      </c>
      <c r="E1774" s="13" t="s">
        <v>3465</v>
      </c>
      <c r="F1774" s="11">
        <v>47422</v>
      </c>
    </row>
    <row r="1775" spans="1:6" ht="27.75" customHeight="1">
      <c r="A1775" s="23" t="s">
        <v>3466</v>
      </c>
      <c r="B1775" s="24" t="s">
        <v>3467</v>
      </c>
      <c r="C1775" s="10" t="s">
        <v>3427</v>
      </c>
      <c r="D1775" s="9" t="s">
        <v>3468</v>
      </c>
      <c r="E1775" s="24" t="s">
        <v>40</v>
      </c>
      <c r="F1775" s="11">
        <v>47422</v>
      </c>
    </row>
    <row r="1776" spans="1:6" ht="27.75" customHeight="1">
      <c r="A1776" s="8" t="s">
        <v>3469</v>
      </c>
      <c r="B1776" s="13" t="s">
        <v>3470</v>
      </c>
      <c r="C1776" s="10" t="s">
        <v>3427</v>
      </c>
      <c r="D1776" s="13" t="s">
        <v>3471</v>
      </c>
      <c r="E1776" s="13" t="s">
        <v>17</v>
      </c>
      <c r="F1776" s="11">
        <v>47422</v>
      </c>
    </row>
    <row r="1777" spans="1:6" ht="27.75" customHeight="1">
      <c r="A1777" s="8" t="s">
        <v>3472</v>
      </c>
      <c r="B1777" s="13" t="s">
        <v>3473</v>
      </c>
      <c r="C1777" s="10" t="s">
        <v>3427</v>
      </c>
      <c r="D1777" s="13" t="s">
        <v>3474</v>
      </c>
      <c r="E1777" s="13" t="s">
        <v>3475</v>
      </c>
      <c r="F1777" s="11">
        <v>47542</v>
      </c>
    </row>
    <row r="1778" spans="1:6" ht="27.75" customHeight="1">
      <c r="A1778" s="12" t="s">
        <v>3476</v>
      </c>
      <c r="B1778" s="13" t="s">
        <v>3477</v>
      </c>
      <c r="C1778" s="10" t="s">
        <v>3427</v>
      </c>
      <c r="D1778" s="13" t="s">
        <v>3478</v>
      </c>
      <c r="E1778" s="13" t="s">
        <v>21</v>
      </c>
      <c r="F1778" s="11">
        <v>46477</v>
      </c>
    </row>
    <row r="1779" spans="1:6" ht="27.75" customHeight="1">
      <c r="A1779" s="12" t="s">
        <v>3479</v>
      </c>
      <c r="B1779" s="13" t="s">
        <v>3480</v>
      </c>
      <c r="C1779" s="10" t="s">
        <v>3427</v>
      </c>
      <c r="D1779" s="13" t="s">
        <v>3481</v>
      </c>
      <c r="E1779" s="13" t="s">
        <v>40</v>
      </c>
      <c r="F1779" s="11">
        <v>47514</v>
      </c>
    </row>
    <row r="1780" spans="1:6" ht="27.75" customHeight="1">
      <c r="A1780" s="12" t="s">
        <v>3482</v>
      </c>
      <c r="B1780" s="13" t="s">
        <v>3483</v>
      </c>
      <c r="C1780" s="10" t="s">
        <v>3427</v>
      </c>
      <c r="D1780" s="13" t="s">
        <v>3484</v>
      </c>
      <c r="E1780" s="13" t="s">
        <v>253</v>
      </c>
      <c r="F1780" s="11">
        <v>46418</v>
      </c>
    </row>
    <row r="1781" spans="1:6" ht="27.75" customHeight="1">
      <c r="A1781" s="17" t="s">
        <v>3485</v>
      </c>
      <c r="B1781" s="9" t="s">
        <v>3483</v>
      </c>
      <c r="C1781" s="10" t="s">
        <v>3427</v>
      </c>
      <c r="D1781" s="9" t="s">
        <v>3484</v>
      </c>
      <c r="E1781" s="9" t="s">
        <v>393</v>
      </c>
      <c r="F1781" s="11">
        <v>46538</v>
      </c>
    </row>
    <row r="1782" spans="1:6" ht="27.75" customHeight="1">
      <c r="A1782" s="12" t="s">
        <v>3486</v>
      </c>
      <c r="B1782" s="13" t="s">
        <v>3483</v>
      </c>
      <c r="C1782" s="10" t="s">
        <v>3427</v>
      </c>
      <c r="D1782" s="13" t="s">
        <v>3484</v>
      </c>
      <c r="E1782" s="13" t="s">
        <v>111</v>
      </c>
      <c r="F1782" s="11">
        <v>47422</v>
      </c>
    </row>
    <row r="1783" spans="1:6" ht="27.75" customHeight="1">
      <c r="A1783" s="14" t="s">
        <v>3487</v>
      </c>
      <c r="B1783" s="9" t="s">
        <v>3483</v>
      </c>
      <c r="C1783" s="10" t="s">
        <v>3427</v>
      </c>
      <c r="D1783" s="9" t="s">
        <v>3484</v>
      </c>
      <c r="E1783" s="9" t="s">
        <v>17</v>
      </c>
      <c r="F1783" s="11">
        <v>47573</v>
      </c>
    </row>
    <row r="1784" spans="1:6" ht="27.75" customHeight="1">
      <c r="A1784" s="17" t="s">
        <v>3488</v>
      </c>
      <c r="B1784" s="18" t="s">
        <v>3483</v>
      </c>
      <c r="C1784" s="10" t="s">
        <v>3427</v>
      </c>
      <c r="D1784" s="18" t="s">
        <v>3484</v>
      </c>
      <c r="E1784" s="18" t="s">
        <v>44</v>
      </c>
      <c r="F1784" s="11">
        <v>47422</v>
      </c>
    </row>
    <row r="1785" spans="1:6" ht="27.75" customHeight="1">
      <c r="A1785" s="12" t="s">
        <v>3489</v>
      </c>
      <c r="B1785" s="13" t="s">
        <v>3483</v>
      </c>
      <c r="C1785" s="10" t="s">
        <v>3427</v>
      </c>
      <c r="D1785" s="13" t="s">
        <v>3484</v>
      </c>
      <c r="E1785" s="13" t="s">
        <v>40</v>
      </c>
      <c r="F1785" s="11">
        <v>46568</v>
      </c>
    </row>
    <row r="1786" spans="1:6" ht="27.75" customHeight="1">
      <c r="A1786" s="12" t="s">
        <v>3490</v>
      </c>
      <c r="B1786" s="13" t="s">
        <v>3483</v>
      </c>
      <c r="C1786" s="10" t="s">
        <v>3427</v>
      </c>
      <c r="D1786" s="13" t="s">
        <v>3484</v>
      </c>
      <c r="E1786" s="13" t="s">
        <v>63</v>
      </c>
      <c r="F1786" s="11">
        <v>46965</v>
      </c>
    </row>
    <row r="1787" spans="1:6" ht="27.75" customHeight="1">
      <c r="A1787" s="20" t="s">
        <v>3491</v>
      </c>
      <c r="B1787" s="13" t="s">
        <v>3483</v>
      </c>
      <c r="C1787" s="10" t="s">
        <v>3427</v>
      </c>
      <c r="D1787" s="13" t="s">
        <v>3484</v>
      </c>
      <c r="E1787" s="13" t="s">
        <v>196</v>
      </c>
      <c r="F1787" s="11">
        <v>46112</v>
      </c>
    </row>
    <row r="1788" spans="1:6" ht="27.75" customHeight="1">
      <c r="A1788" s="14" t="s">
        <v>3492</v>
      </c>
      <c r="B1788" s="13" t="s">
        <v>3483</v>
      </c>
      <c r="C1788" s="10" t="s">
        <v>3427</v>
      </c>
      <c r="D1788" s="9" t="s">
        <v>3484</v>
      </c>
      <c r="E1788" s="9" t="s">
        <v>228</v>
      </c>
      <c r="F1788" s="11">
        <v>47422</v>
      </c>
    </row>
    <row r="1789" spans="1:6" ht="27.75" customHeight="1">
      <c r="A1789" s="8" t="s">
        <v>3493</v>
      </c>
      <c r="B1789" s="9" t="s">
        <v>3483</v>
      </c>
      <c r="C1789" s="10" t="s">
        <v>3427</v>
      </c>
      <c r="D1789" s="9" t="s">
        <v>3484</v>
      </c>
      <c r="E1789" s="24" t="s">
        <v>295</v>
      </c>
      <c r="F1789" s="11">
        <v>46081</v>
      </c>
    </row>
    <row r="1790" spans="1:6" ht="27.75" customHeight="1">
      <c r="A1790" s="12" t="s">
        <v>3494</v>
      </c>
      <c r="B1790" s="13" t="s">
        <v>3483</v>
      </c>
      <c r="C1790" s="10" t="s">
        <v>3427</v>
      </c>
      <c r="D1790" s="13" t="s">
        <v>3484</v>
      </c>
      <c r="E1790" s="13" t="s">
        <v>253</v>
      </c>
      <c r="F1790" s="11">
        <v>47118</v>
      </c>
    </row>
    <row r="1791" spans="1:6" ht="27.75" customHeight="1">
      <c r="A1791" s="14" t="s">
        <v>3495</v>
      </c>
      <c r="B1791" s="9" t="s">
        <v>3483</v>
      </c>
      <c r="C1791" s="10" t="s">
        <v>3427</v>
      </c>
      <c r="D1791" s="9" t="s">
        <v>3484</v>
      </c>
      <c r="E1791" s="9" t="s">
        <v>44</v>
      </c>
      <c r="F1791" s="11">
        <v>47422</v>
      </c>
    </row>
    <row r="1792" spans="1:6" ht="27.75" customHeight="1">
      <c r="A1792" s="14" t="s">
        <v>3496</v>
      </c>
      <c r="B1792" s="9" t="s">
        <v>3483</v>
      </c>
      <c r="C1792" s="10" t="s">
        <v>3427</v>
      </c>
      <c r="D1792" s="9" t="s">
        <v>3484</v>
      </c>
      <c r="E1792" s="9" t="s">
        <v>40</v>
      </c>
      <c r="F1792" s="11">
        <v>47603</v>
      </c>
    </row>
    <row r="1793" spans="1:6" ht="27.75" customHeight="1">
      <c r="A1793" s="12" t="s">
        <v>3497</v>
      </c>
      <c r="B1793" s="9" t="s">
        <v>3483</v>
      </c>
      <c r="C1793" s="10" t="s">
        <v>3427</v>
      </c>
      <c r="D1793" s="9" t="s">
        <v>3484</v>
      </c>
      <c r="E1793" s="9" t="s">
        <v>232</v>
      </c>
      <c r="F1793" s="11">
        <v>47422</v>
      </c>
    </row>
    <row r="1794" spans="1:6" ht="27.75" customHeight="1">
      <c r="A1794" s="8" t="s">
        <v>3498</v>
      </c>
      <c r="B1794" s="13" t="s">
        <v>3483</v>
      </c>
      <c r="C1794" s="10" t="s">
        <v>3427</v>
      </c>
      <c r="D1794" s="9" t="s">
        <v>3484</v>
      </c>
      <c r="E1794" s="13" t="s">
        <v>398</v>
      </c>
      <c r="F1794" s="11">
        <v>47514</v>
      </c>
    </row>
    <row r="1795" spans="1:6" ht="27.75" customHeight="1">
      <c r="A1795" s="8" t="s">
        <v>3499</v>
      </c>
      <c r="B1795" s="13" t="s">
        <v>3483</v>
      </c>
      <c r="C1795" s="10" t="s">
        <v>3427</v>
      </c>
      <c r="D1795" s="13" t="s">
        <v>3484</v>
      </c>
      <c r="E1795" s="13" t="s">
        <v>298</v>
      </c>
      <c r="F1795" s="11">
        <v>47483</v>
      </c>
    </row>
    <row r="1796" spans="1:6" ht="27.75" customHeight="1">
      <c r="A1796" s="20" t="s">
        <v>3500</v>
      </c>
      <c r="B1796" s="9" t="s">
        <v>3483</v>
      </c>
      <c r="C1796" s="10" t="s">
        <v>3427</v>
      </c>
      <c r="D1796" s="9" t="s">
        <v>3484</v>
      </c>
      <c r="E1796" s="13" t="s">
        <v>196</v>
      </c>
      <c r="F1796" s="11">
        <v>47726</v>
      </c>
    </row>
    <row r="1797" spans="1:6" ht="27.75" customHeight="1">
      <c r="A1797" s="12" t="s">
        <v>3501</v>
      </c>
      <c r="B1797" s="13" t="s">
        <v>3483</v>
      </c>
      <c r="C1797" s="10" t="s">
        <v>3427</v>
      </c>
      <c r="D1797" s="13" t="s">
        <v>3484</v>
      </c>
      <c r="E1797" s="13" t="s">
        <v>40</v>
      </c>
      <c r="F1797" s="11">
        <v>46234</v>
      </c>
    </row>
    <row r="1798" spans="1:6" ht="27.75" customHeight="1">
      <c r="A1798" s="14" t="s">
        <v>3502</v>
      </c>
      <c r="B1798" s="9" t="s">
        <v>3483</v>
      </c>
      <c r="C1798" s="10" t="s">
        <v>3427</v>
      </c>
      <c r="D1798" s="9" t="s">
        <v>3484</v>
      </c>
      <c r="E1798" s="9" t="s">
        <v>25</v>
      </c>
      <c r="F1798" s="11">
        <v>46904</v>
      </c>
    </row>
    <row r="1799" spans="1:6" ht="27.75" customHeight="1">
      <c r="A1799" s="12" t="s">
        <v>3503</v>
      </c>
      <c r="B1799" s="13" t="s">
        <v>3483</v>
      </c>
      <c r="C1799" s="10" t="s">
        <v>3427</v>
      </c>
      <c r="D1799" s="13" t="s">
        <v>3484</v>
      </c>
      <c r="E1799" s="13" t="s">
        <v>253</v>
      </c>
      <c r="F1799" s="11">
        <v>46568</v>
      </c>
    </row>
    <row r="1800" spans="1:6" ht="27.75" customHeight="1">
      <c r="A1800" s="12" t="s">
        <v>3504</v>
      </c>
      <c r="B1800" s="13" t="s">
        <v>3483</v>
      </c>
      <c r="C1800" s="10" t="s">
        <v>3427</v>
      </c>
      <c r="D1800" s="13" t="s">
        <v>3484</v>
      </c>
      <c r="E1800" s="13" t="s">
        <v>115</v>
      </c>
      <c r="F1800" s="11">
        <v>47422</v>
      </c>
    </row>
    <row r="1801" spans="1:6" ht="27.75" customHeight="1">
      <c r="A1801" s="14" t="s">
        <v>3505</v>
      </c>
      <c r="B1801" s="9" t="s">
        <v>3483</v>
      </c>
      <c r="C1801" s="10" t="s">
        <v>3427</v>
      </c>
      <c r="D1801" s="9" t="s">
        <v>3484</v>
      </c>
      <c r="E1801" s="9" t="s">
        <v>40</v>
      </c>
      <c r="F1801" s="11">
        <v>46234</v>
      </c>
    </row>
    <row r="1802" spans="1:6" ht="27.75" customHeight="1">
      <c r="A1802" s="14" t="s">
        <v>3506</v>
      </c>
      <c r="B1802" s="9" t="s">
        <v>3483</v>
      </c>
      <c r="C1802" s="10" t="s">
        <v>3427</v>
      </c>
      <c r="D1802" s="9" t="s">
        <v>3484</v>
      </c>
      <c r="E1802" s="9" t="s">
        <v>40</v>
      </c>
      <c r="F1802" s="11">
        <v>47787</v>
      </c>
    </row>
    <row r="1803" spans="1:6" ht="27.75" customHeight="1">
      <c r="A1803" s="20" t="s">
        <v>3507</v>
      </c>
      <c r="B1803" s="9" t="s">
        <v>3483</v>
      </c>
      <c r="C1803" s="10" t="s">
        <v>3427</v>
      </c>
      <c r="D1803" s="9" t="s">
        <v>3484</v>
      </c>
      <c r="E1803" s="13" t="s">
        <v>44</v>
      </c>
      <c r="F1803" s="11">
        <v>47603</v>
      </c>
    </row>
    <row r="1804" spans="1:6" ht="27.75" customHeight="1">
      <c r="A1804" s="14" t="s">
        <v>3508</v>
      </c>
      <c r="B1804" s="9" t="s">
        <v>3483</v>
      </c>
      <c r="C1804" s="10" t="s">
        <v>3427</v>
      </c>
      <c r="D1804" s="9" t="s">
        <v>3484</v>
      </c>
      <c r="E1804" s="9" t="s">
        <v>270</v>
      </c>
      <c r="F1804" s="11">
        <v>47514</v>
      </c>
    </row>
    <row r="1805" spans="1:6" ht="27.75" customHeight="1">
      <c r="A1805" s="14" t="s">
        <v>3509</v>
      </c>
      <c r="B1805" s="9" t="s">
        <v>3483</v>
      </c>
      <c r="C1805" s="10" t="s">
        <v>3427</v>
      </c>
      <c r="D1805" s="9" t="s">
        <v>3484</v>
      </c>
      <c r="E1805" s="9" t="s">
        <v>298</v>
      </c>
      <c r="F1805" s="11">
        <v>47422</v>
      </c>
    </row>
    <row r="1806" spans="1:6" ht="27.75" customHeight="1">
      <c r="A1806" s="8" t="s">
        <v>3510</v>
      </c>
      <c r="B1806" s="9" t="s">
        <v>3483</v>
      </c>
      <c r="C1806" s="10" t="s">
        <v>3427</v>
      </c>
      <c r="D1806" s="9" t="s">
        <v>3484</v>
      </c>
      <c r="E1806" s="24" t="s">
        <v>63</v>
      </c>
      <c r="F1806" s="11">
        <v>47603</v>
      </c>
    </row>
    <row r="1807" spans="1:6" ht="27.75" customHeight="1">
      <c r="A1807" s="8" t="s">
        <v>3511</v>
      </c>
      <c r="B1807" s="13" t="s">
        <v>3483</v>
      </c>
      <c r="C1807" s="10" t="s">
        <v>3427</v>
      </c>
      <c r="D1807" s="13" t="s">
        <v>3484</v>
      </c>
      <c r="E1807" s="13" t="s">
        <v>3512</v>
      </c>
      <c r="F1807" s="11">
        <v>47603</v>
      </c>
    </row>
    <row r="1808" spans="1:6" ht="27.75" customHeight="1">
      <c r="A1808" s="8" t="s">
        <v>3513</v>
      </c>
      <c r="B1808" s="9" t="s">
        <v>3483</v>
      </c>
      <c r="C1808" s="10" t="s">
        <v>3427</v>
      </c>
      <c r="D1808" s="9" t="s">
        <v>3484</v>
      </c>
      <c r="E1808" s="24" t="s">
        <v>63</v>
      </c>
      <c r="F1808" s="11">
        <v>47422</v>
      </c>
    </row>
    <row r="1809" spans="1:6" ht="27.75" customHeight="1">
      <c r="A1809" s="8" t="s">
        <v>3514</v>
      </c>
      <c r="B1809" s="13" t="s">
        <v>3483</v>
      </c>
      <c r="C1809" s="10" t="s">
        <v>3427</v>
      </c>
      <c r="D1809" s="13" t="s">
        <v>3484</v>
      </c>
      <c r="E1809" s="13" t="s">
        <v>11</v>
      </c>
      <c r="F1809" s="11">
        <v>47422</v>
      </c>
    </row>
    <row r="1810" spans="1:6" ht="27.75" customHeight="1">
      <c r="A1810" s="12" t="s">
        <v>3515</v>
      </c>
      <c r="B1810" s="9" t="s">
        <v>3483</v>
      </c>
      <c r="C1810" s="10" t="s">
        <v>3427</v>
      </c>
      <c r="D1810" s="13" t="s">
        <v>3484</v>
      </c>
      <c r="E1810" s="13" t="s">
        <v>132</v>
      </c>
      <c r="F1810" s="11">
        <v>46599</v>
      </c>
    </row>
    <row r="1811" spans="1:6" ht="27.75" customHeight="1">
      <c r="A1811" s="14" t="s">
        <v>3516</v>
      </c>
      <c r="B1811" s="9" t="s">
        <v>3483</v>
      </c>
      <c r="C1811" s="10" t="s">
        <v>3427</v>
      </c>
      <c r="D1811" s="9" t="s">
        <v>3484</v>
      </c>
      <c r="E1811" s="9" t="s">
        <v>424</v>
      </c>
      <c r="F1811" s="11">
        <v>46538</v>
      </c>
    </row>
    <row r="1812" spans="1:6" ht="27.75" customHeight="1">
      <c r="A1812" s="14" t="s">
        <v>3517</v>
      </c>
      <c r="B1812" s="9" t="s">
        <v>3483</v>
      </c>
      <c r="C1812" s="10" t="s">
        <v>3427</v>
      </c>
      <c r="D1812" s="13" t="s">
        <v>3484</v>
      </c>
      <c r="E1812" s="9" t="s">
        <v>393</v>
      </c>
      <c r="F1812" s="11">
        <v>47238</v>
      </c>
    </row>
    <row r="1813" spans="1:6" ht="27.75" customHeight="1">
      <c r="A1813" s="12" t="s">
        <v>3518</v>
      </c>
      <c r="B1813" s="13" t="s">
        <v>3483</v>
      </c>
      <c r="C1813" s="10" t="s">
        <v>3427</v>
      </c>
      <c r="D1813" s="9" t="s">
        <v>3484</v>
      </c>
      <c r="E1813" s="9" t="s">
        <v>40</v>
      </c>
      <c r="F1813" s="11">
        <v>46173</v>
      </c>
    </row>
    <row r="1814" spans="1:6" ht="27.75" customHeight="1">
      <c r="A1814" s="12" t="s">
        <v>3519</v>
      </c>
      <c r="B1814" s="13" t="s">
        <v>3483</v>
      </c>
      <c r="C1814" s="10" t="s">
        <v>3427</v>
      </c>
      <c r="D1814" s="13" t="s">
        <v>3484</v>
      </c>
      <c r="E1814" s="13" t="s">
        <v>44</v>
      </c>
      <c r="F1814" s="11">
        <v>47422</v>
      </c>
    </row>
    <row r="1815" spans="1:6" ht="27.75" customHeight="1">
      <c r="A1815" s="14" t="s">
        <v>3520</v>
      </c>
      <c r="B1815" s="9" t="s">
        <v>3483</v>
      </c>
      <c r="C1815" s="10" t="s">
        <v>3427</v>
      </c>
      <c r="D1815" s="9" t="s">
        <v>3484</v>
      </c>
      <c r="E1815" s="9" t="s">
        <v>44</v>
      </c>
      <c r="F1815" s="11">
        <v>47422</v>
      </c>
    </row>
    <row r="1816" spans="1:6" ht="27.75" customHeight="1">
      <c r="A1816" s="14" t="s">
        <v>3521</v>
      </c>
      <c r="B1816" s="9" t="s">
        <v>3483</v>
      </c>
      <c r="C1816" s="10" t="s">
        <v>3427</v>
      </c>
      <c r="D1816" s="9" t="s">
        <v>3484</v>
      </c>
      <c r="E1816" s="9" t="s">
        <v>212</v>
      </c>
      <c r="F1816" s="11">
        <v>47542</v>
      </c>
    </row>
    <row r="1817" spans="1:6" ht="27.75" customHeight="1">
      <c r="A1817" s="17" t="s">
        <v>3522</v>
      </c>
      <c r="B1817" s="9" t="s">
        <v>3483</v>
      </c>
      <c r="C1817" s="10" t="s">
        <v>3427</v>
      </c>
      <c r="D1817" s="9" t="s">
        <v>3484</v>
      </c>
      <c r="E1817" s="9" t="s">
        <v>115</v>
      </c>
      <c r="F1817" s="11">
        <v>47787</v>
      </c>
    </row>
    <row r="1818" spans="1:6" ht="27.75" customHeight="1">
      <c r="A1818" s="12" t="s">
        <v>3523</v>
      </c>
      <c r="B1818" s="18" t="s">
        <v>3524</v>
      </c>
      <c r="C1818" s="10" t="s">
        <v>3427</v>
      </c>
      <c r="D1818" s="18" t="s">
        <v>3525</v>
      </c>
      <c r="E1818" s="18" t="s">
        <v>1605</v>
      </c>
      <c r="F1818" s="19">
        <v>47422</v>
      </c>
    </row>
    <row r="1819" spans="1:6" ht="27.75" customHeight="1">
      <c r="A1819" s="12" t="s">
        <v>3526</v>
      </c>
      <c r="B1819" s="13" t="s">
        <v>3527</v>
      </c>
      <c r="C1819" s="10" t="s">
        <v>3427</v>
      </c>
      <c r="D1819" s="13" t="s">
        <v>3528</v>
      </c>
      <c r="E1819" s="13" t="s">
        <v>253</v>
      </c>
      <c r="F1819" s="11">
        <v>47208</v>
      </c>
    </row>
    <row r="1820" spans="1:6" ht="27.75" customHeight="1">
      <c r="A1820" s="14" t="s">
        <v>3529</v>
      </c>
      <c r="B1820" s="9" t="s">
        <v>3530</v>
      </c>
      <c r="C1820" s="10" t="s">
        <v>3427</v>
      </c>
      <c r="D1820" s="13" t="s">
        <v>3531</v>
      </c>
      <c r="E1820" s="9" t="s">
        <v>21</v>
      </c>
      <c r="F1820" s="11">
        <v>46599</v>
      </c>
    </row>
    <row r="1821" spans="1:6" ht="27.75" customHeight="1">
      <c r="A1821" s="12" t="s">
        <v>3532</v>
      </c>
      <c r="B1821" s="13" t="s">
        <v>3533</v>
      </c>
      <c r="C1821" s="10" t="s">
        <v>3427</v>
      </c>
      <c r="D1821" s="13" t="s">
        <v>3534</v>
      </c>
      <c r="E1821" s="13" t="s">
        <v>86</v>
      </c>
      <c r="F1821" s="11">
        <v>47422</v>
      </c>
    </row>
    <row r="1822" spans="1:6" ht="27.75" customHeight="1">
      <c r="A1822" s="15" t="s">
        <v>3535</v>
      </c>
      <c r="B1822" s="9" t="s">
        <v>3536</v>
      </c>
      <c r="C1822" s="10" t="s">
        <v>3427</v>
      </c>
      <c r="D1822" s="9" t="s">
        <v>3537</v>
      </c>
      <c r="E1822" s="13" t="s">
        <v>21</v>
      </c>
      <c r="F1822" s="11">
        <v>47422</v>
      </c>
    </row>
    <row r="1823" spans="1:6" ht="27.75" customHeight="1">
      <c r="A1823" s="14" t="s">
        <v>3538</v>
      </c>
      <c r="B1823" s="9" t="s">
        <v>3539</v>
      </c>
      <c r="C1823" s="10" t="s">
        <v>3427</v>
      </c>
      <c r="D1823" s="9" t="s">
        <v>3540</v>
      </c>
      <c r="E1823" s="9" t="s">
        <v>1374</v>
      </c>
      <c r="F1823" s="11">
        <v>47422</v>
      </c>
    </row>
    <row r="1824" spans="1:6" ht="27.75" customHeight="1">
      <c r="A1824" s="14" t="s">
        <v>3541</v>
      </c>
      <c r="B1824" s="9" t="s">
        <v>3542</v>
      </c>
      <c r="C1824" s="10" t="s">
        <v>3427</v>
      </c>
      <c r="D1824" s="9" t="s">
        <v>3543</v>
      </c>
      <c r="E1824" s="9" t="s">
        <v>40</v>
      </c>
      <c r="F1824" s="11">
        <v>47422</v>
      </c>
    </row>
    <row r="1825" spans="1:6" ht="27.75" customHeight="1">
      <c r="A1825" s="12" t="s">
        <v>3544</v>
      </c>
      <c r="B1825" s="13" t="s">
        <v>3545</v>
      </c>
      <c r="C1825" s="10" t="s">
        <v>3427</v>
      </c>
      <c r="D1825" s="13" t="s">
        <v>3546</v>
      </c>
      <c r="E1825" s="13" t="s">
        <v>21</v>
      </c>
      <c r="F1825" s="11">
        <v>46507</v>
      </c>
    </row>
    <row r="1826" spans="1:6" ht="27.75" customHeight="1">
      <c r="A1826" s="12" t="s">
        <v>3547</v>
      </c>
      <c r="B1826" s="13" t="s">
        <v>3545</v>
      </c>
      <c r="C1826" s="10" t="s">
        <v>3427</v>
      </c>
      <c r="D1826" s="13" t="s">
        <v>3546</v>
      </c>
      <c r="E1826" s="13" t="s">
        <v>21</v>
      </c>
      <c r="F1826" s="11">
        <v>46507</v>
      </c>
    </row>
    <row r="1827" spans="1:6" ht="27.75" customHeight="1">
      <c r="A1827" s="12" t="s">
        <v>3548</v>
      </c>
      <c r="B1827" s="13" t="s">
        <v>3549</v>
      </c>
      <c r="C1827" s="10" t="s">
        <v>3427</v>
      </c>
      <c r="D1827" s="13" t="s">
        <v>3550</v>
      </c>
      <c r="E1827" s="13" t="s">
        <v>21</v>
      </c>
      <c r="F1827" s="11">
        <v>46721</v>
      </c>
    </row>
    <row r="1828" spans="1:6" ht="27.75" customHeight="1">
      <c r="A1828" s="8" t="s">
        <v>3551</v>
      </c>
      <c r="B1828" s="13" t="s">
        <v>3552</v>
      </c>
      <c r="C1828" s="10" t="s">
        <v>3427</v>
      </c>
      <c r="D1828" s="13" t="s">
        <v>3553</v>
      </c>
      <c r="E1828" s="13" t="s">
        <v>21</v>
      </c>
      <c r="F1828" s="11">
        <v>47848</v>
      </c>
    </row>
    <row r="1829" spans="1:6" ht="27.75" customHeight="1">
      <c r="A1829" s="14" t="s">
        <v>3554</v>
      </c>
      <c r="B1829" s="9" t="s">
        <v>3555</v>
      </c>
      <c r="C1829" s="10" t="s">
        <v>3427</v>
      </c>
      <c r="D1829" s="9" t="s">
        <v>3556</v>
      </c>
      <c r="E1829" s="9" t="s">
        <v>1343</v>
      </c>
      <c r="F1829" s="11">
        <v>47756</v>
      </c>
    </row>
    <row r="1830" spans="1:6" ht="27.75" customHeight="1">
      <c r="A1830" s="12" t="s">
        <v>3557</v>
      </c>
      <c r="B1830" s="13" t="s">
        <v>3558</v>
      </c>
      <c r="C1830" s="10" t="s">
        <v>3427</v>
      </c>
      <c r="D1830" s="13" t="s">
        <v>3559</v>
      </c>
      <c r="E1830" s="13" t="s">
        <v>21</v>
      </c>
      <c r="F1830" s="11">
        <v>46873</v>
      </c>
    </row>
    <row r="1831" spans="1:6" ht="27.75" customHeight="1">
      <c r="A1831" s="17" t="s">
        <v>3560</v>
      </c>
      <c r="B1831" s="9" t="s">
        <v>3561</v>
      </c>
      <c r="C1831" s="10" t="s">
        <v>3427</v>
      </c>
      <c r="D1831" s="9" t="s">
        <v>3562</v>
      </c>
      <c r="E1831" s="9" t="s">
        <v>17</v>
      </c>
      <c r="F1831" s="11">
        <v>47483</v>
      </c>
    </row>
    <row r="1832" spans="1:6" ht="27.75" customHeight="1">
      <c r="A1832" s="14" t="s">
        <v>3563</v>
      </c>
      <c r="B1832" s="9" t="s">
        <v>3564</v>
      </c>
      <c r="C1832" s="10" t="s">
        <v>3427</v>
      </c>
      <c r="D1832" s="9" t="s">
        <v>3565</v>
      </c>
      <c r="E1832" s="9" t="s">
        <v>11</v>
      </c>
      <c r="F1832" s="11">
        <v>46234</v>
      </c>
    </row>
    <row r="1833" spans="1:6" ht="27.75" customHeight="1">
      <c r="A1833" s="12" t="s">
        <v>3566</v>
      </c>
      <c r="B1833" s="13" t="s">
        <v>3564</v>
      </c>
      <c r="C1833" s="10" t="s">
        <v>3427</v>
      </c>
      <c r="D1833" s="13" t="s">
        <v>3565</v>
      </c>
      <c r="E1833" s="13" t="s">
        <v>196</v>
      </c>
      <c r="F1833" s="11">
        <v>47664</v>
      </c>
    </row>
    <row r="1834" spans="1:6" ht="27.75" customHeight="1">
      <c r="A1834" s="14" t="s">
        <v>3567</v>
      </c>
      <c r="B1834" s="9" t="s">
        <v>3564</v>
      </c>
      <c r="C1834" s="10" t="s">
        <v>3427</v>
      </c>
      <c r="D1834" s="9" t="s">
        <v>3565</v>
      </c>
      <c r="E1834" s="9" t="s">
        <v>2048</v>
      </c>
      <c r="F1834" s="11">
        <v>47542</v>
      </c>
    </row>
    <row r="1835" spans="1:6" ht="27.75" customHeight="1">
      <c r="A1835" s="12" t="s">
        <v>3568</v>
      </c>
      <c r="B1835" s="13" t="s">
        <v>3564</v>
      </c>
      <c r="C1835" s="10" t="s">
        <v>3427</v>
      </c>
      <c r="D1835" s="13" t="s">
        <v>3565</v>
      </c>
      <c r="E1835" s="13" t="s">
        <v>228</v>
      </c>
      <c r="F1835" s="11">
        <v>46265</v>
      </c>
    </row>
    <row r="1836" spans="1:6" ht="27.75" customHeight="1">
      <c r="A1836" s="12" t="s">
        <v>3569</v>
      </c>
      <c r="B1836" s="13" t="s">
        <v>3564</v>
      </c>
      <c r="C1836" s="10" t="s">
        <v>3427</v>
      </c>
      <c r="D1836" s="13" t="s">
        <v>3565</v>
      </c>
      <c r="E1836" s="13" t="s">
        <v>11</v>
      </c>
      <c r="F1836" s="11">
        <v>46691</v>
      </c>
    </row>
    <row r="1837" spans="1:6" ht="27.75" customHeight="1">
      <c r="A1837" s="20" t="s">
        <v>3570</v>
      </c>
      <c r="B1837" s="13" t="s">
        <v>3564</v>
      </c>
      <c r="C1837" s="10" t="s">
        <v>3427</v>
      </c>
      <c r="D1837" s="13" t="s">
        <v>3565</v>
      </c>
      <c r="E1837" s="13" t="s">
        <v>393</v>
      </c>
      <c r="F1837" s="11">
        <v>46599</v>
      </c>
    </row>
    <row r="1838" spans="1:6" ht="27.75" customHeight="1">
      <c r="A1838" s="14" t="s">
        <v>3571</v>
      </c>
      <c r="B1838" s="9" t="s">
        <v>3564</v>
      </c>
      <c r="C1838" s="10" t="s">
        <v>3427</v>
      </c>
      <c r="D1838" s="9" t="s">
        <v>3565</v>
      </c>
      <c r="E1838" s="9" t="s">
        <v>44</v>
      </c>
      <c r="F1838" s="11">
        <v>46203</v>
      </c>
    </row>
    <row r="1839" spans="1:6" ht="27.75" customHeight="1">
      <c r="A1839" s="14" t="s">
        <v>3572</v>
      </c>
      <c r="B1839" s="9" t="s">
        <v>3564</v>
      </c>
      <c r="C1839" s="10" t="s">
        <v>3427</v>
      </c>
      <c r="D1839" s="9" t="s">
        <v>3565</v>
      </c>
      <c r="E1839" s="9" t="s">
        <v>111</v>
      </c>
      <c r="F1839" s="11">
        <v>47208</v>
      </c>
    </row>
    <row r="1840" spans="1:6" ht="27.75" customHeight="1">
      <c r="A1840" s="12" t="s">
        <v>3573</v>
      </c>
      <c r="B1840" s="13" t="s">
        <v>3564</v>
      </c>
      <c r="C1840" s="10" t="s">
        <v>3427</v>
      </c>
      <c r="D1840" s="9" t="s">
        <v>3565</v>
      </c>
      <c r="E1840" s="9" t="s">
        <v>393</v>
      </c>
      <c r="F1840" s="11">
        <v>46356</v>
      </c>
    </row>
    <row r="1841" spans="1:6" ht="27.75" customHeight="1">
      <c r="A1841" s="17" t="s">
        <v>3574</v>
      </c>
      <c r="B1841" s="9" t="s">
        <v>3564</v>
      </c>
      <c r="C1841" s="10" t="s">
        <v>3427</v>
      </c>
      <c r="D1841" s="9" t="s">
        <v>3565</v>
      </c>
      <c r="E1841" s="9" t="s">
        <v>21</v>
      </c>
      <c r="F1841" s="11">
        <v>46203</v>
      </c>
    </row>
    <row r="1842" spans="1:6" ht="27.75" customHeight="1">
      <c r="A1842" s="20" t="s">
        <v>3575</v>
      </c>
      <c r="B1842" s="9" t="s">
        <v>3564</v>
      </c>
      <c r="C1842" s="10" t="s">
        <v>3427</v>
      </c>
      <c r="D1842" s="9" t="s">
        <v>3565</v>
      </c>
      <c r="E1842" s="13" t="s">
        <v>524</v>
      </c>
      <c r="F1842" s="11">
        <v>47664</v>
      </c>
    </row>
    <row r="1843" spans="1:6" ht="27.75" customHeight="1">
      <c r="A1843" s="12" t="s">
        <v>3576</v>
      </c>
      <c r="B1843" s="18" t="s">
        <v>3564</v>
      </c>
      <c r="C1843" s="10" t="s">
        <v>3427</v>
      </c>
      <c r="D1843" s="18" t="s">
        <v>3565</v>
      </c>
      <c r="E1843" s="18" t="s">
        <v>40</v>
      </c>
      <c r="F1843" s="19">
        <v>47422</v>
      </c>
    </row>
    <row r="1844" spans="1:6" ht="27.75" customHeight="1">
      <c r="A1844" s="14" t="s">
        <v>3577</v>
      </c>
      <c r="B1844" s="9" t="s">
        <v>3564</v>
      </c>
      <c r="C1844" s="10" t="s">
        <v>3427</v>
      </c>
      <c r="D1844" s="9" t="s">
        <v>3565</v>
      </c>
      <c r="E1844" s="9" t="s">
        <v>44</v>
      </c>
      <c r="F1844" s="11">
        <v>47695</v>
      </c>
    </row>
    <row r="1845" spans="1:6" ht="27.75" customHeight="1">
      <c r="A1845" s="14" t="s">
        <v>3578</v>
      </c>
      <c r="B1845" s="9" t="s">
        <v>3564</v>
      </c>
      <c r="C1845" s="10" t="s">
        <v>3427</v>
      </c>
      <c r="D1845" s="9" t="s">
        <v>3565</v>
      </c>
      <c r="E1845" s="9" t="s">
        <v>228</v>
      </c>
      <c r="F1845" s="11">
        <v>47664</v>
      </c>
    </row>
    <row r="1846" spans="1:6" ht="27.75" customHeight="1">
      <c r="A1846" s="12" t="s">
        <v>3579</v>
      </c>
      <c r="B1846" s="13" t="s">
        <v>3564</v>
      </c>
      <c r="C1846" s="10" t="s">
        <v>3427</v>
      </c>
      <c r="D1846" s="13" t="s">
        <v>3565</v>
      </c>
      <c r="E1846" s="13" t="s">
        <v>63</v>
      </c>
      <c r="F1846" s="11">
        <v>47634</v>
      </c>
    </row>
    <row r="1847" spans="1:6" ht="27.75" customHeight="1">
      <c r="A1847" s="14" t="s">
        <v>3580</v>
      </c>
      <c r="B1847" s="9" t="s">
        <v>3564</v>
      </c>
      <c r="C1847" s="10" t="s">
        <v>3427</v>
      </c>
      <c r="D1847" s="13" t="s">
        <v>3565</v>
      </c>
      <c r="E1847" s="9" t="s">
        <v>11</v>
      </c>
      <c r="F1847" s="11">
        <v>46356</v>
      </c>
    </row>
    <row r="1848" spans="1:6" ht="27.75" customHeight="1">
      <c r="A1848" s="14" t="s">
        <v>3581</v>
      </c>
      <c r="B1848" s="9" t="s">
        <v>3564</v>
      </c>
      <c r="C1848" s="10" t="s">
        <v>3427</v>
      </c>
      <c r="D1848" s="9" t="s">
        <v>3565</v>
      </c>
      <c r="E1848" s="9" t="s">
        <v>228</v>
      </c>
      <c r="F1848" s="11">
        <v>47422</v>
      </c>
    </row>
    <row r="1849" spans="1:6" ht="27.75" customHeight="1">
      <c r="A1849" s="12" t="s">
        <v>3582</v>
      </c>
      <c r="B1849" s="13" t="s">
        <v>3564</v>
      </c>
      <c r="C1849" s="10" t="s">
        <v>3427</v>
      </c>
      <c r="D1849" s="13" t="s">
        <v>3565</v>
      </c>
      <c r="E1849" s="13" t="s">
        <v>228</v>
      </c>
      <c r="F1849" s="11">
        <v>47787</v>
      </c>
    </row>
    <row r="1850" spans="1:6" ht="27.75" customHeight="1">
      <c r="A1850" s="17" t="s">
        <v>3583</v>
      </c>
      <c r="B1850" s="9" t="s">
        <v>3564</v>
      </c>
      <c r="C1850" s="10" t="s">
        <v>3427</v>
      </c>
      <c r="D1850" s="9" t="s">
        <v>3565</v>
      </c>
      <c r="E1850" s="9" t="s">
        <v>524</v>
      </c>
      <c r="F1850" s="11">
        <v>46996</v>
      </c>
    </row>
    <row r="1851" spans="1:6" ht="27.75" customHeight="1">
      <c r="A1851" s="17" t="s">
        <v>3584</v>
      </c>
      <c r="B1851" s="9" t="s">
        <v>3564</v>
      </c>
      <c r="C1851" s="10" t="s">
        <v>3427</v>
      </c>
      <c r="D1851" s="9" t="s">
        <v>3565</v>
      </c>
      <c r="E1851" s="9" t="s">
        <v>284</v>
      </c>
      <c r="F1851" s="11">
        <v>47787</v>
      </c>
    </row>
    <row r="1852" spans="1:6" ht="27.75" customHeight="1">
      <c r="A1852" s="14" t="s">
        <v>3585</v>
      </c>
      <c r="B1852" s="9" t="s">
        <v>3564</v>
      </c>
      <c r="C1852" s="10" t="s">
        <v>3427</v>
      </c>
      <c r="D1852" s="9" t="s">
        <v>3586</v>
      </c>
      <c r="E1852" s="9" t="s">
        <v>55</v>
      </c>
      <c r="F1852" s="11">
        <v>47938</v>
      </c>
    </row>
    <row r="1853" spans="1:6" ht="27.75" customHeight="1">
      <c r="A1853" s="12" t="s">
        <v>3587</v>
      </c>
      <c r="B1853" s="13" t="s">
        <v>3588</v>
      </c>
      <c r="C1853" s="10" t="s">
        <v>3427</v>
      </c>
      <c r="D1853" s="13" t="s">
        <v>3589</v>
      </c>
      <c r="E1853" s="13" t="s">
        <v>17</v>
      </c>
      <c r="F1853" s="11">
        <v>47452</v>
      </c>
    </row>
    <row r="1854" spans="1:6" ht="27.75" customHeight="1">
      <c r="A1854" s="14" t="s">
        <v>3590</v>
      </c>
      <c r="B1854" s="9" t="s">
        <v>3591</v>
      </c>
      <c r="C1854" s="10" t="s">
        <v>3427</v>
      </c>
      <c r="D1854" s="9" t="s">
        <v>3592</v>
      </c>
      <c r="E1854" s="9" t="s">
        <v>21</v>
      </c>
      <c r="F1854" s="11">
        <v>46873</v>
      </c>
    </row>
    <row r="1855" spans="1:6" ht="27.75" customHeight="1">
      <c r="A1855" s="14" t="s">
        <v>3593</v>
      </c>
      <c r="B1855" s="9" t="s">
        <v>3594</v>
      </c>
      <c r="C1855" s="10" t="s">
        <v>3427</v>
      </c>
      <c r="D1855" s="9" t="s">
        <v>3595</v>
      </c>
      <c r="E1855" s="9" t="s">
        <v>40</v>
      </c>
      <c r="F1855" s="11">
        <v>47664</v>
      </c>
    </row>
    <row r="1856" spans="1:6" ht="27.75" customHeight="1">
      <c r="A1856" s="14" t="s">
        <v>3596</v>
      </c>
      <c r="B1856" s="9" t="s">
        <v>3597</v>
      </c>
      <c r="C1856" s="10" t="s">
        <v>3427</v>
      </c>
      <c r="D1856" s="9" t="s">
        <v>3598</v>
      </c>
      <c r="E1856" s="9" t="s">
        <v>3599</v>
      </c>
      <c r="F1856" s="11">
        <v>47422</v>
      </c>
    </row>
    <row r="1857" spans="1:6" ht="27.75" customHeight="1">
      <c r="A1857" s="8" t="s">
        <v>3600</v>
      </c>
      <c r="B1857" s="9" t="s">
        <v>3601</v>
      </c>
      <c r="C1857" s="10" t="s">
        <v>3427</v>
      </c>
      <c r="D1857" s="9" t="s">
        <v>3602</v>
      </c>
      <c r="E1857" s="9" t="s">
        <v>1354</v>
      </c>
      <c r="F1857" s="11">
        <v>46783</v>
      </c>
    </row>
    <row r="1858" spans="1:6" ht="27.75" customHeight="1">
      <c r="A1858" s="14" t="s">
        <v>3603</v>
      </c>
      <c r="B1858" s="9" t="s">
        <v>3604</v>
      </c>
      <c r="C1858" s="10" t="s">
        <v>3427</v>
      </c>
      <c r="D1858" s="9" t="s">
        <v>3605</v>
      </c>
      <c r="E1858" s="9" t="s">
        <v>1460</v>
      </c>
      <c r="F1858" s="11">
        <v>46752</v>
      </c>
    </row>
    <row r="1859" spans="1:6" ht="27.75" customHeight="1">
      <c r="A1859" s="12" t="s">
        <v>3606</v>
      </c>
      <c r="B1859" s="13" t="s">
        <v>3604</v>
      </c>
      <c r="C1859" s="10" t="s">
        <v>3427</v>
      </c>
      <c r="D1859" s="13" t="s">
        <v>3605</v>
      </c>
      <c r="E1859" s="13" t="s">
        <v>11</v>
      </c>
      <c r="F1859" s="11">
        <v>47299</v>
      </c>
    </row>
    <row r="1860" spans="1:6" ht="27.75" customHeight="1">
      <c r="A1860" s="15" t="s">
        <v>3607</v>
      </c>
      <c r="B1860" s="13" t="s">
        <v>3608</v>
      </c>
      <c r="C1860" s="10" t="s">
        <v>3427</v>
      </c>
      <c r="D1860" s="9" t="s">
        <v>3609</v>
      </c>
      <c r="E1860" s="13" t="s">
        <v>17</v>
      </c>
      <c r="F1860" s="11">
        <v>47422</v>
      </c>
    </row>
    <row r="1861" spans="1:6" ht="27.75" customHeight="1">
      <c r="A1861" s="20" t="s">
        <v>3610</v>
      </c>
      <c r="B1861" s="9" t="s">
        <v>1427</v>
      </c>
      <c r="C1861" s="10" t="s">
        <v>3427</v>
      </c>
      <c r="D1861" s="9" t="s">
        <v>3611</v>
      </c>
      <c r="E1861" s="13" t="s">
        <v>3612</v>
      </c>
      <c r="F1861" s="11">
        <v>47422</v>
      </c>
    </row>
    <row r="1862" spans="1:6" ht="27.75" customHeight="1">
      <c r="A1862" s="8" t="s">
        <v>3613</v>
      </c>
      <c r="B1862" s="13" t="s">
        <v>3614</v>
      </c>
      <c r="C1862" s="10" t="s">
        <v>3427</v>
      </c>
      <c r="D1862" s="13" t="s">
        <v>3615</v>
      </c>
      <c r="E1862" s="13" t="s">
        <v>228</v>
      </c>
      <c r="F1862" s="11">
        <v>47422</v>
      </c>
    </row>
    <row r="1863" spans="1:6" ht="27.75" customHeight="1">
      <c r="A1863" s="12" t="s">
        <v>3616</v>
      </c>
      <c r="B1863" s="13" t="s">
        <v>3614</v>
      </c>
      <c r="C1863" s="10" t="s">
        <v>3427</v>
      </c>
      <c r="D1863" s="13" t="s">
        <v>3615</v>
      </c>
      <c r="E1863" s="13" t="s">
        <v>35</v>
      </c>
      <c r="F1863" s="11">
        <v>47634</v>
      </c>
    </row>
    <row r="1864" spans="1:6" ht="27.75" customHeight="1">
      <c r="A1864" s="12" t="s">
        <v>3617</v>
      </c>
      <c r="B1864" s="13" t="s">
        <v>3614</v>
      </c>
      <c r="C1864" s="10" t="s">
        <v>3427</v>
      </c>
      <c r="D1864" s="13" t="s">
        <v>3615</v>
      </c>
      <c r="E1864" s="13" t="s">
        <v>44</v>
      </c>
      <c r="F1864" s="11">
        <v>47177</v>
      </c>
    </row>
    <row r="1865" spans="1:6" ht="27.75" customHeight="1">
      <c r="A1865" s="14" t="s">
        <v>3618</v>
      </c>
      <c r="B1865" s="9" t="s">
        <v>3614</v>
      </c>
      <c r="C1865" s="10" t="s">
        <v>3427</v>
      </c>
      <c r="D1865" s="9" t="s">
        <v>3615</v>
      </c>
      <c r="E1865" s="9" t="s">
        <v>86</v>
      </c>
      <c r="F1865" s="11">
        <v>47422</v>
      </c>
    </row>
    <row r="1866" spans="1:6" ht="27.75" customHeight="1">
      <c r="A1866" s="17" t="s">
        <v>3619</v>
      </c>
      <c r="B1866" s="26" t="s">
        <v>3614</v>
      </c>
      <c r="C1866" s="10" t="s">
        <v>3427</v>
      </c>
      <c r="D1866" s="13" t="s">
        <v>3615</v>
      </c>
      <c r="E1866" s="26" t="s">
        <v>40</v>
      </c>
      <c r="F1866" s="11">
        <v>46843</v>
      </c>
    </row>
    <row r="1867" spans="1:6" ht="27.75" customHeight="1">
      <c r="A1867" s="17" t="s">
        <v>3620</v>
      </c>
      <c r="B1867" s="9" t="s">
        <v>3614</v>
      </c>
      <c r="C1867" s="10" t="s">
        <v>3427</v>
      </c>
      <c r="D1867" s="9" t="s">
        <v>3615</v>
      </c>
      <c r="E1867" s="9" t="s">
        <v>605</v>
      </c>
      <c r="F1867" s="11">
        <v>46843</v>
      </c>
    </row>
    <row r="1868" spans="1:6" ht="27.75" customHeight="1">
      <c r="A1868" s="8" t="s">
        <v>3621</v>
      </c>
      <c r="B1868" s="13" t="s">
        <v>3614</v>
      </c>
      <c r="C1868" s="10" t="s">
        <v>3427</v>
      </c>
      <c r="D1868" s="13" t="s">
        <v>3615</v>
      </c>
      <c r="E1868" s="13" t="s">
        <v>1167</v>
      </c>
      <c r="F1868" s="11">
        <v>47422</v>
      </c>
    </row>
    <row r="1869" spans="1:6" ht="27.75" customHeight="1">
      <c r="A1869" s="14" t="s">
        <v>3622</v>
      </c>
      <c r="B1869" s="9" t="s">
        <v>3623</v>
      </c>
      <c r="C1869" s="10" t="s">
        <v>3427</v>
      </c>
      <c r="D1869" s="9" t="s">
        <v>3624</v>
      </c>
      <c r="E1869" s="9" t="s">
        <v>369</v>
      </c>
      <c r="F1869" s="11">
        <v>47573</v>
      </c>
    </row>
    <row r="1870" spans="1:6" ht="27.75" customHeight="1">
      <c r="A1870" s="12" t="s">
        <v>3625</v>
      </c>
      <c r="B1870" s="13" t="s">
        <v>3626</v>
      </c>
      <c r="C1870" s="10" t="s">
        <v>3427</v>
      </c>
      <c r="D1870" s="13" t="s">
        <v>3627</v>
      </c>
      <c r="E1870" s="13" t="s">
        <v>828</v>
      </c>
      <c r="F1870" s="11">
        <v>47422</v>
      </c>
    </row>
    <row r="1871" spans="1:6" ht="27.75" customHeight="1">
      <c r="A1871" s="12" t="s">
        <v>3628</v>
      </c>
      <c r="B1871" s="13" t="s">
        <v>3629</v>
      </c>
      <c r="C1871" s="10" t="s">
        <v>3427</v>
      </c>
      <c r="D1871" s="13" t="s">
        <v>3630</v>
      </c>
      <c r="E1871" s="13" t="s">
        <v>111</v>
      </c>
      <c r="F1871" s="11">
        <v>47848</v>
      </c>
    </row>
    <row r="1872" spans="1:6" ht="27.75" customHeight="1">
      <c r="A1872" s="12" t="s">
        <v>3631</v>
      </c>
      <c r="B1872" s="13" t="s">
        <v>3632</v>
      </c>
      <c r="C1872" s="10" t="s">
        <v>3427</v>
      </c>
      <c r="D1872" s="13" t="s">
        <v>3633</v>
      </c>
      <c r="E1872" s="13" t="s">
        <v>17</v>
      </c>
      <c r="F1872" s="11">
        <v>47422</v>
      </c>
    </row>
    <row r="1873" spans="1:6" ht="27.75" customHeight="1">
      <c r="A1873" s="14" t="s">
        <v>3634</v>
      </c>
      <c r="B1873" s="9" t="s">
        <v>3635</v>
      </c>
      <c r="C1873" s="10" t="s">
        <v>3427</v>
      </c>
      <c r="D1873" s="13" t="s">
        <v>3636</v>
      </c>
      <c r="E1873" s="9" t="s">
        <v>3637</v>
      </c>
      <c r="F1873" s="11">
        <v>46477</v>
      </c>
    </row>
    <row r="1874" spans="1:6" ht="27.75" customHeight="1">
      <c r="A1874" s="12" t="s">
        <v>3638</v>
      </c>
      <c r="B1874" s="13" t="s">
        <v>3635</v>
      </c>
      <c r="C1874" s="10" t="s">
        <v>3427</v>
      </c>
      <c r="D1874" s="13" t="s">
        <v>3636</v>
      </c>
      <c r="E1874" s="13" t="s">
        <v>605</v>
      </c>
      <c r="F1874" s="11">
        <v>46507</v>
      </c>
    </row>
    <row r="1875" spans="1:6" ht="27.75" customHeight="1">
      <c r="A1875" s="14" t="s">
        <v>3639</v>
      </c>
      <c r="B1875" s="9" t="s">
        <v>3640</v>
      </c>
      <c r="C1875" s="10" t="s">
        <v>3427</v>
      </c>
      <c r="D1875" s="9" t="s">
        <v>3641</v>
      </c>
      <c r="E1875" s="9" t="s">
        <v>25</v>
      </c>
      <c r="F1875" s="11">
        <v>46568</v>
      </c>
    </row>
    <row r="1876" spans="1:6" ht="27.75" customHeight="1">
      <c r="A1876" s="12" t="s">
        <v>3642</v>
      </c>
      <c r="B1876" s="13" t="s">
        <v>3643</v>
      </c>
      <c r="C1876" s="10" t="s">
        <v>3427</v>
      </c>
      <c r="D1876" s="13" t="s">
        <v>3644</v>
      </c>
      <c r="E1876" s="13" t="s">
        <v>3645</v>
      </c>
      <c r="F1876" s="11">
        <v>47573</v>
      </c>
    </row>
    <row r="1877" spans="1:6" ht="27.75" customHeight="1">
      <c r="A1877" s="14" t="s">
        <v>3646</v>
      </c>
      <c r="B1877" s="9" t="s">
        <v>3647</v>
      </c>
      <c r="C1877" s="10" t="s">
        <v>3427</v>
      </c>
      <c r="D1877" s="9" t="s">
        <v>3648</v>
      </c>
      <c r="E1877" s="9" t="s">
        <v>63</v>
      </c>
      <c r="F1877" s="11">
        <v>47422</v>
      </c>
    </row>
    <row r="1878" spans="1:6" ht="27.75" customHeight="1">
      <c r="A1878" s="12" t="s">
        <v>3649</v>
      </c>
      <c r="B1878" s="18" t="s">
        <v>3650</v>
      </c>
      <c r="C1878" s="10" t="s">
        <v>3427</v>
      </c>
      <c r="D1878" s="18" t="s">
        <v>3651</v>
      </c>
      <c r="E1878" s="18" t="s">
        <v>86</v>
      </c>
      <c r="F1878" s="19">
        <v>47422</v>
      </c>
    </row>
    <row r="1879" spans="1:6" ht="27.75" customHeight="1">
      <c r="A1879" s="12" t="s">
        <v>3652</v>
      </c>
      <c r="B1879" s="13" t="s">
        <v>3653</v>
      </c>
      <c r="C1879" s="10" t="s">
        <v>3427</v>
      </c>
      <c r="D1879" s="13" t="s">
        <v>3654</v>
      </c>
      <c r="E1879" s="13" t="s">
        <v>3655</v>
      </c>
      <c r="F1879" s="11">
        <v>47422</v>
      </c>
    </row>
    <row r="1880" spans="1:6" ht="27.75" customHeight="1">
      <c r="A1880" s="14" t="s">
        <v>3656</v>
      </c>
      <c r="B1880" s="9" t="s">
        <v>3657</v>
      </c>
      <c r="C1880" s="10" t="s">
        <v>3427</v>
      </c>
      <c r="D1880" s="9" t="s">
        <v>3658</v>
      </c>
      <c r="E1880" s="9" t="s">
        <v>196</v>
      </c>
      <c r="F1880" s="11">
        <v>47422</v>
      </c>
    </row>
    <row r="1881" spans="1:6" ht="27.75" customHeight="1">
      <c r="A1881" s="14" t="s">
        <v>3659</v>
      </c>
      <c r="B1881" s="9" t="s">
        <v>3660</v>
      </c>
      <c r="C1881" s="10" t="s">
        <v>3427</v>
      </c>
      <c r="D1881" s="9" t="s">
        <v>3658</v>
      </c>
      <c r="E1881" s="9" t="s">
        <v>40</v>
      </c>
      <c r="F1881" s="11">
        <v>47087</v>
      </c>
    </row>
    <row r="1882" spans="1:6" ht="27.75" customHeight="1">
      <c r="A1882" s="12" t="s">
        <v>3661</v>
      </c>
      <c r="B1882" s="13" t="s">
        <v>3662</v>
      </c>
      <c r="C1882" s="10" t="s">
        <v>3427</v>
      </c>
      <c r="D1882" s="13" t="s">
        <v>3663</v>
      </c>
      <c r="E1882" s="13" t="s">
        <v>63</v>
      </c>
      <c r="F1882" s="11">
        <v>47422</v>
      </c>
    </row>
    <row r="1883" spans="1:6" ht="27.75" customHeight="1">
      <c r="A1883" s="8" t="s">
        <v>3664</v>
      </c>
      <c r="B1883" s="13" t="s">
        <v>3665</v>
      </c>
      <c r="C1883" s="10" t="s">
        <v>3427</v>
      </c>
      <c r="D1883" s="13" t="s">
        <v>3666</v>
      </c>
      <c r="E1883" s="13" t="s">
        <v>17</v>
      </c>
      <c r="F1883" s="11">
        <v>47422</v>
      </c>
    </row>
    <row r="1884" spans="1:6" ht="27.75" customHeight="1">
      <c r="A1884" s="8" t="s">
        <v>3667</v>
      </c>
      <c r="B1884" s="13" t="s">
        <v>3668</v>
      </c>
      <c r="C1884" s="10" t="s">
        <v>3427</v>
      </c>
      <c r="D1884" s="9" t="s">
        <v>3669</v>
      </c>
      <c r="E1884" s="13" t="s">
        <v>424</v>
      </c>
      <c r="F1884" s="11">
        <v>46538</v>
      </c>
    </row>
    <row r="1885" spans="1:6" ht="27.75" customHeight="1">
      <c r="A1885" s="12" t="s">
        <v>3670</v>
      </c>
      <c r="B1885" s="13" t="s">
        <v>3671</v>
      </c>
      <c r="C1885" s="10" t="s">
        <v>3427</v>
      </c>
      <c r="D1885" s="13" t="s">
        <v>3672</v>
      </c>
      <c r="E1885" s="13" t="s">
        <v>142</v>
      </c>
      <c r="F1885" s="11">
        <v>47483</v>
      </c>
    </row>
    <row r="1886" spans="1:6" ht="27.75" customHeight="1">
      <c r="A1886" s="8" t="s">
        <v>3673</v>
      </c>
      <c r="B1886" s="9" t="s">
        <v>3674</v>
      </c>
      <c r="C1886" s="10" t="s">
        <v>3427</v>
      </c>
      <c r="D1886" s="9" t="s">
        <v>3675</v>
      </c>
      <c r="E1886" s="9" t="s">
        <v>17</v>
      </c>
      <c r="F1886" s="11">
        <v>47483</v>
      </c>
    </row>
    <row r="1887" spans="1:6" ht="27.75" customHeight="1">
      <c r="A1887" s="12" t="s">
        <v>3676</v>
      </c>
      <c r="B1887" s="13" t="s">
        <v>3677</v>
      </c>
      <c r="C1887" s="10" t="s">
        <v>3427</v>
      </c>
      <c r="D1887" s="13" t="s">
        <v>3678</v>
      </c>
      <c r="E1887" s="13" t="s">
        <v>270</v>
      </c>
      <c r="F1887" s="11">
        <v>46234</v>
      </c>
    </row>
    <row r="1888" spans="1:6" ht="27.75" customHeight="1">
      <c r="A1888" s="15" t="s">
        <v>3679</v>
      </c>
      <c r="B1888" s="9" t="s">
        <v>3677</v>
      </c>
      <c r="C1888" s="10" t="s">
        <v>3427</v>
      </c>
      <c r="D1888" s="9" t="s">
        <v>3678</v>
      </c>
      <c r="E1888" s="13" t="s">
        <v>196</v>
      </c>
      <c r="F1888" s="11">
        <v>46507</v>
      </c>
    </row>
    <row r="1889" spans="1:6" ht="27.75" customHeight="1">
      <c r="A1889" s="14" t="s">
        <v>3680</v>
      </c>
      <c r="B1889" s="9" t="s">
        <v>3677</v>
      </c>
      <c r="C1889" s="10" t="s">
        <v>3427</v>
      </c>
      <c r="D1889" s="9" t="s">
        <v>3678</v>
      </c>
      <c r="E1889" s="9" t="s">
        <v>228</v>
      </c>
      <c r="F1889" s="11">
        <v>47422</v>
      </c>
    </row>
    <row r="1890" spans="1:6" ht="27.75" customHeight="1">
      <c r="A1890" s="20" t="s">
        <v>3681</v>
      </c>
      <c r="B1890" s="9" t="s">
        <v>3677</v>
      </c>
      <c r="C1890" s="10" t="s">
        <v>3427</v>
      </c>
      <c r="D1890" s="9" t="s">
        <v>3678</v>
      </c>
      <c r="E1890" s="13" t="s">
        <v>196</v>
      </c>
      <c r="F1890" s="11">
        <v>47422</v>
      </c>
    </row>
    <row r="1891" spans="1:6" ht="27.75" customHeight="1">
      <c r="A1891" s="14" t="s">
        <v>3682</v>
      </c>
      <c r="B1891" s="9" t="s">
        <v>3677</v>
      </c>
      <c r="C1891" s="10" t="s">
        <v>3427</v>
      </c>
      <c r="D1891" s="9" t="s">
        <v>3678</v>
      </c>
      <c r="E1891" s="9" t="s">
        <v>196</v>
      </c>
      <c r="F1891" s="11">
        <v>47664</v>
      </c>
    </row>
    <row r="1892" spans="1:6" ht="27.75" customHeight="1">
      <c r="A1892" s="12" t="s">
        <v>3683</v>
      </c>
      <c r="B1892" s="13" t="s">
        <v>3677</v>
      </c>
      <c r="C1892" s="10" t="s">
        <v>3427</v>
      </c>
      <c r="D1892" s="13" t="s">
        <v>3678</v>
      </c>
      <c r="E1892" s="13" t="s">
        <v>196</v>
      </c>
      <c r="F1892" s="11">
        <v>47664</v>
      </c>
    </row>
    <row r="1893" spans="1:6" ht="27.75" customHeight="1">
      <c r="A1893" s="12" t="s">
        <v>3684</v>
      </c>
      <c r="B1893" s="13" t="s">
        <v>3677</v>
      </c>
      <c r="C1893" s="10" t="s">
        <v>3427</v>
      </c>
      <c r="D1893" s="13" t="s">
        <v>3678</v>
      </c>
      <c r="E1893" s="13" t="s">
        <v>270</v>
      </c>
      <c r="F1893" s="11">
        <v>46234</v>
      </c>
    </row>
    <row r="1894" spans="1:6" ht="27.75" customHeight="1">
      <c r="A1894" s="17" t="s">
        <v>3685</v>
      </c>
      <c r="B1894" s="9" t="s">
        <v>3677</v>
      </c>
      <c r="C1894" s="10" t="s">
        <v>3427</v>
      </c>
      <c r="D1894" s="13" t="s">
        <v>3678</v>
      </c>
      <c r="E1894" s="9" t="s">
        <v>196</v>
      </c>
      <c r="F1894" s="11">
        <v>47573</v>
      </c>
    </row>
    <row r="1895" spans="1:6" ht="27.75" customHeight="1">
      <c r="A1895" s="17" t="s">
        <v>3686</v>
      </c>
      <c r="B1895" s="9" t="s">
        <v>3677</v>
      </c>
      <c r="C1895" s="10" t="s">
        <v>3427</v>
      </c>
      <c r="D1895" s="9" t="s">
        <v>3678</v>
      </c>
      <c r="E1895" s="9" t="s">
        <v>196</v>
      </c>
      <c r="F1895" s="11">
        <v>47603</v>
      </c>
    </row>
    <row r="1896" spans="1:6" ht="27.75" customHeight="1">
      <c r="A1896" s="17" t="s">
        <v>3687</v>
      </c>
      <c r="B1896" s="9" t="s">
        <v>3677</v>
      </c>
      <c r="C1896" s="10" t="s">
        <v>3427</v>
      </c>
      <c r="D1896" s="13" t="s">
        <v>3678</v>
      </c>
      <c r="E1896" s="9" t="s">
        <v>270</v>
      </c>
      <c r="F1896" s="11">
        <v>46356</v>
      </c>
    </row>
    <row r="1897" spans="1:6" ht="27.75" customHeight="1">
      <c r="A1897" s="8" t="s">
        <v>3688</v>
      </c>
      <c r="B1897" s="13" t="s">
        <v>3689</v>
      </c>
      <c r="C1897" s="10" t="s">
        <v>3427</v>
      </c>
      <c r="D1897" s="13" t="s">
        <v>3690</v>
      </c>
      <c r="E1897" s="13" t="s">
        <v>17</v>
      </c>
      <c r="F1897" s="11">
        <v>47422</v>
      </c>
    </row>
    <row r="1898" spans="1:6" ht="27.75" customHeight="1">
      <c r="A1898" s="17" t="s">
        <v>3691</v>
      </c>
      <c r="B1898" s="26" t="s">
        <v>3692</v>
      </c>
      <c r="C1898" s="10" t="s">
        <v>3427</v>
      </c>
      <c r="D1898" s="13" t="s">
        <v>3693</v>
      </c>
      <c r="E1898" s="26" t="s">
        <v>17</v>
      </c>
      <c r="F1898" s="11">
        <v>47787</v>
      </c>
    </row>
    <row r="1899" spans="1:6" ht="27.75" customHeight="1">
      <c r="A1899" s="12" t="s">
        <v>3694</v>
      </c>
      <c r="B1899" s="13" t="s">
        <v>3695</v>
      </c>
      <c r="C1899" s="10" t="s">
        <v>3427</v>
      </c>
      <c r="D1899" s="13" t="s">
        <v>3696</v>
      </c>
      <c r="E1899" s="13" t="s">
        <v>11</v>
      </c>
      <c r="F1899" s="11">
        <v>47938</v>
      </c>
    </row>
    <row r="1900" spans="1:6" ht="27.75" customHeight="1">
      <c r="A1900" s="12" t="s">
        <v>3697</v>
      </c>
      <c r="B1900" s="13" t="s">
        <v>3695</v>
      </c>
      <c r="C1900" s="10" t="s">
        <v>3427</v>
      </c>
      <c r="D1900" s="13" t="s">
        <v>3696</v>
      </c>
      <c r="E1900" s="13" t="s">
        <v>228</v>
      </c>
      <c r="F1900" s="11">
        <v>47422</v>
      </c>
    </row>
    <row r="1901" spans="1:6" ht="27.75" customHeight="1">
      <c r="A1901" s="17" t="s">
        <v>3698</v>
      </c>
      <c r="B1901" s="9" t="s">
        <v>3695</v>
      </c>
      <c r="C1901" s="10" t="s">
        <v>3427</v>
      </c>
      <c r="D1901" s="9" t="s">
        <v>3696</v>
      </c>
      <c r="E1901" s="9" t="s">
        <v>40</v>
      </c>
      <c r="F1901" s="11">
        <v>47573</v>
      </c>
    </row>
    <row r="1902" spans="1:6" ht="27.75" customHeight="1">
      <c r="A1902" s="17" t="s">
        <v>3699</v>
      </c>
      <c r="B1902" s="9" t="s">
        <v>3695</v>
      </c>
      <c r="C1902" s="10" t="s">
        <v>3427</v>
      </c>
      <c r="D1902" s="9" t="s">
        <v>3696</v>
      </c>
      <c r="E1902" s="9" t="s">
        <v>228</v>
      </c>
      <c r="F1902" s="11">
        <v>47422</v>
      </c>
    </row>
    <row r="1903" spans="1:6" ht="27.75" customHeight="1">
      <c r="A1903" s="14" t="s">
        <v>3700</v>
      </c>
      <c r="B1903" s="9" t="s">
        <v>3695</v>
      </c>
      <c r="C1903" s="10" t="s">
        <v>3427</v>
      </c>
      <c r="D1903" s="13" t="s">
        <v>3696</v>
      </c>
      <c r="E1903" s="9" t="s">
        <v>21</v>
      </c>
      <c r="F1903" s="11">
        <v>47422</v>
      </c>
    </row>
    <row r="1904" spans="1:6" ht="27.75" customHeight="1">
      <c r="A1904" s="17" t="s">
        <v>3701</v>
      </c>
      <c r="B1904" s="26" t="s">
        <v>3695</v>
      </c>
      <c r="C1904" s="10" t="s">
        <v>3427</v>
      </c>
      <c r="D1904" s="9" t="s">
        <v>3696</v>
      </c>
      <c r="E1904" s="26" t="s">
        <v>21</v>
      </c>
      <c r="F1904" s="11">
        <v>47422</v>
      </c>
    </row>
    <row r="1905" spans="1:6" ht="27.75" customHeight="1">
      <c r="A1905" s="17" t="s">
        <v>3702</v>
      </c>
      <c r="B1905" s="9" t="s">
        <v>3695</v>
      </c>
      <c r="C1905" s="10" t="s">
        <v>3427</v>
      </c>
      <c r="D1905" s="9" t="s">
        <v>3696</v>
      </c>
      <c r="E1905" s="9" t="s">
        <v>63</v>
      </c>
      <c r="F1905" s="11">
        <v>47422</v>
      </c>
    </row>
    <row r="1906" spans="1:6" ht="27.75" customHeight="1">
      <c r="A1906" s="12" t="s">
        <v>3703</v>
      </c>
      <c r="B1906" s="13" t="s">
        <v>3695</v>
      </c>
      <c r="C1906" s="10" t="s">
        <v>3427</v>
      </c>
      <c r="D1906" s="13" t="s">
        <v>3696</v>
      </c>
      <c r="E1906" s="13" t="s">
        <v>21</v>
      </c>
      <c r="F1906" s="11">
        <v>47422</v>
      </c>
    </row>
    <row r="1907" spans="1:6" ht="27.75" customHeight="1">
      <c r="A1907" s="8" t="s">
        <v>3704</v>
      </c>
      <c r="B1907" s="9" t="s">
        <v>3695</v>
      </c>
      <c r="C1907" s="10" t="s">
        <v>3427</v>
      </c>
      <c r="D1907" s="9" t="s">
        <v>3696</v>
      </c>
      <c r="E1907" s="9" t="s">
        <v>3705</v>
      </c>
      <c r="F1907" s="11">
        <v>46843</v>
      </c>
    </row>
    <row r="1908" spans="1:6" ht="27.75" customHeight="1">
      <c r="A1908" s="17" t="s">
        <v>3706</v>
      </c>
      <c r="B1908" s="9" t="s">
        <v>3695</v>
      </c>
      <c r="C1908" s="10" t="s">
        <v>3427</v>
      </c>
      <c r="D1908" s="9" t="s">
        <v>3696</v>
      </c>
      <c r="E1908" s="9" t="s">
        <v>228</v>
      </c>
      <c r="F1908" s="11">
        <v>47422</v>
      </c>
    </row>
    <row r="1909" spans="1:6" ht="27.75" customHeight="1">
      <c r="A1909" s="17" t="s">
        <v>3707</v>
      </c>
      <c r="B1909" s="26" t="s">
        <v>3695</v>
      </c>
      <c r="C1909" s="10" t="s">
        <v>3427</v>
      </c>
      <c r="D1909" s="13" t="s">
        <v>3696</v>
      </c>
      <c r="E1909" s="26" t="s">
        <v>11</v>
      </c>
      <c r="F1909" s="11">
        <v>47422</v>
      </c>
    </row>
    <row r="1910" spans="1:6" ht="27.75" customHeight="1">
      <c r="A1910" s="17" t="s">
        <v>3708</v>
      </c>
      <c r="B1910" s="9" t="s">
        <v>3695</v>
      </c>
      <c r="C1910" s="10" t="s">
        <v>3427</v>
      </c>
      <c r="D1910" s="9" t="s">
        <v>3696</v>
      </c>
      <c r="E1910" s="9" t="s">
        <v>25</v>
      </c>
      <c r="F1910" s="11">
        <v>47422</v>
      </c>
    </row>
    <row r="1911" spans="1:6" ht="27.75" customHeight="1">
      <c r="A1911" s="17" t="s">
        <v>3709</v>
      </c>
      <c r="B1911" s="26" t="s">
        <v>3695</v>
      </c>
      <c r="C1911" s="10" t="s">
        <v>3427</v>
      </c>
      <c r="D1911" s="13" t="s">
        <v>3696</v>
      </c>
      <c r="E1911" s="26" t="s">
        <v>40</v>
      </c>
      <c r="F1911" s="11">
        <v>47573</v>
      </c>
    </row>
    <row r="1912" spans="1:6" ht="27.75" customHeight="1">
      <c r="A1912" s="8" t="s">
        <v>3710</v>
      </c>
      <c r="B1912" s="13" t="s">
        <v>3695</v>
      </c>
      <c r="C1912" s="10" t="s">
        <v>3427</v>
      </c>
      <c r="D1912" s="13" t="s">
        <v>3696</v>
      </c>
      <c r="E1912" s="13" t="s">
        <v>17</v>
      </c>
      <c r="F1912" s="11">
        <v>47452</v>
      </c>
    </row>
    <row r="1913" spans="1:6" ht="27.75" customHeight="1">
      <c r="A1913" s="12" t="s">
        <v>3711</v>
      </c>
      <c r="B1913" s="13" t="s">
        <v>3695</v>
      </c>
      <c r="C1913" s="10" t="s">
        <v>3427</v>
      </c>
      <c r="D1913" s="13" t="s">
        <v>3696</v>
      </c>
      <c r="E1913" s="13" t="s">
        <v>21</v>
      </c>
      <c r="F1913" s="11">
        <v>47422</v>
      </c>
    </row>
    <row r="1914" spans="1:6" ht="27.75" customHeight="1">
      <c r="A1914" s="17" t="s">
        <v>3712</v>
      </c>
      <c r="B1914" s="9" t="s">
        <v>3695</v>
      </c>
      <c r="C1914" s="10" t="s">
        <v>3427</v>
      </c>
      <c r="D1914" s="9" t="s">
        <v>3696</v>
      </c>
      <c r="E1914" s="9" t="s">
        <v>40</v>
      </c>
      <c r="F1914" s="11">
        <v>47422</v>
      </c>
    </row>
    <row r="1915" spans="1:6" ht="27.75" customHeight="1">
      <c r="A1915" s="12" t="s">
        <v>3713</v>
      </c>
      <c r="B1915" s="13" t="s">
        <v>3695</v>
      </c>
      <c r="C1915" s="10" t="s">
        <v>3427</v>
      </c>
      <c r="D1915" s="13" t="s">
        <v>3696</v>
      </c>
      <c r="E1915" s="13" t="s">
        <v>1644</v>
      </c>
      <c r="F1915" s="11">
        <v>47938</v>
      </c>
    </row>
    <row r="1916" spans="1:6" ht="27.75" customHeight="1">
      <c r="A1916" s="14" t="s">
        <v>3714</v>
      </c>
      <c r="B1916" s="9" t="s">
        <v>3715</v>
      </c>
      <c r="C1916" s="10" t="s">
        <v>3427</v>
      </c>
      <c r="D1916" s="13" t="s">
        <v>3716</v>
      </c>
      <c r="E1916" s="9" t="s">
        <v>3717</v>
      </c>
      <c r="F1916" s="11">
        <v>47422</v>
      </c>
    </row>
    <row r="1917" spans="1:6" ht="27.75" customHeight="1">
      <c r="A1917" s="17" t="s">
        <v>3718</v>
      </c>
      <c r="B1917" s="9" t="s">
        <v>3719</v>
      </c>
      <c r="C1917" s="29" t="s">
        <v>3427</v>
      </c>
      <c r="D1917" s="13" t="s">
        <v>3720</v>
      </c>
      <c r="E1917" s="9" t="s">
        <v>11</v>
      </c>
      <c r="F1917" s="11">
        <v>46387</v>
      </c>
    </row>
    <row r="1918" spans="1:6" ht="27.75" customHeight="1">
      <c r="A1918" s="12" t="s">
        <v>3721</v>
      </c>
      <c r="B1918" s="13" t="s">
        <v>3722</v>
      </c>
      <c r="C1918" s="29" t="s">
        <v>3427</v>
      </c>
      <c r="D1918" s="13" t="s">
        <v>3723</v>
      </c>
      <c r="E1918" s="13" t="s">
        <v>17</v>
      </c>
      <c r="F1918" s="11">
        <v>47422</v>
      </c>
    </row>
    <row r="1919" spans="1:6" ht="27.75" customHeight="1">
      <c r="A1919" s="12" t="s">
        <v>3724</v>
      </c>
      <c r="B1919" s="18" t="s">
        <v>3725</v>
      </c>
      <c r="C1919" s="29" t="s">
        <v>3427</v>
      </c>
      <c r="D1919" s="18" t="s">
        <v>3726</v>
      </c>
      <c r="E1919" s="18" t="s">
        <v>25</v>
      </c>
      <c r="F1919" s="19">
        <v>47603</v>
      </c>
    </row>
    <row r="1920" spans="1:6" ht="27.75" customHeight="1">
      <c r="A1920" s="20" t="s">
        <v>3727</v>
      </c>
      <c r="B1920" s="13" t="s">
        <v>3725</v>
      </c>
      <c r="C1920" s="29" t="s">
        <v>3427</v>
      </c>
      <c r="D1920" s="9" t="s">
        <v>3728</v>
      </c>
      <c r="E1920" s="13" t="s">
        <v>25</v>
      </c>
      <c r="F1920" s="11">
        <v>46812</v>
      </c>
    </row>
    <row r="1921" spans="1:6" ht="27.75" customHeight="1">
      <c r="A1921" s="17" t="s">
        <v>3729</v>
      </c>
      <c r="B1921" s="26" t="s">
        <v>3730</v>
      </c>
      <c r="C1921" s="29" t="s">
        <v>3427</v>
      </c>
      <c r="D1921" s="9" t="s">
        <v>3731</v>
      </c>
      <c r="E1921" s="26" t="s">
        <v>3732</v>
      </c>
      <c r="F1921" s="11">
        <v>47422</v>
      </c>
    </row>
    <row r="1922" spans="1:6" ht="27.75" customHeight="1">
      <c r="A1922" s="23" t="s">
        <v>3733</v>
      </c>
      <c r="B1922" s="24" t="s">
        <v>3734</v>
      </c>
      <c r="C1922" s="29" t="s">
        <v>3735</v>
      </c>
      <c r="D1922" s="9" t="s">
        <v>3736</v>
      </c>
      <c r="E1922" s="24" t="s">
        <v>40</v>
      </c>
      <c r="F1922" s="11">
        <v>47422</v>
      </c>
    </row>
    <row r="1923" spans="1:6" ht="27.75" customHeight="1">
      <c r="A1923" s="12" t="s">
        <v>3737</v>
      </c>
      <c r="B1923" s="13" t="s">
        <v>3738</v>
      </c>
      <c r="C1923" s="29" t="s">
        <v>3735</v>
      </c>
      <c r="D1923" s="9" t="s">
        <v>3739</v>
      </c>
      <c r="E1923" s="13" t="s">
        <v>288</v>
      </c>
      <c r="F1923" s="11">
        <v>46203</v>
      </c>
    </row>
    <row r="1924" spans="1:6" ht="27.75" customHeight="1">
      <c r="A1924" s="17" t="s">
        <v>3740</v>
      </c>
      <c r="B1924" s="9" t="s">
        <v>3741</v>
      </c>
      <c r="C1924" s="29" t="s">
        <v>3735</v>
      </c>
      <c r="D1924" s="13" t="s">
        <v>3742</v>
      </c>
      <c r="E1924" s="9" t="s">
        <v>17</v>
      </c>
      <c r="F1924" s="11">
        <v>47422</v>
      </c>
    </row>
    <row r="1925" spans="1:6" ht="27.75" customHeight="1">
      <c r="A1925" s="12" t="s">
        <v>3743</v>
      </c>
      <c r="B1925" s="13" t="s">
        <v>3744</v>
      </c>
      <c r="C1925" s="29" t="s">
        <v>3735</v>
      </c>
      <c r="D1925" s="13" t="s">
        <v>3745</v>
      </c>
      <c r="E1925" s="13" t="s">
        <v>253</v>
      </c>
      <c r="F1925" s="11">
        <v>47422</v>
      </c>
    </row>
    <row r="1926" spans="1:6" ht="27.75" customHeight="1">
      <c r="A1926" s="17" t="s">
        <v>3746</v>
      </c>
      <c r="B1926" s="26" t="s">
        <v>3747</v>
      </c>
      <c r="C1926" s="29" t="s">
        <v>3735</v>
      </c>
      <c r="D1926" s="13" t="s">
        <v>3748</v>
      </c>
      <c r="E1926" s="26" t="s">
        <v>17</v>
      </c>
      <c r="F1926" s="11">
        <v>47664</v>
      </c>
    </row>
    <row r="1927" spans="1:6" ht="27.75" customHeight="1">
      <c r="A1927" s="8" t="s">
        <v>3749</v>
      </c>
      <c r="B1927" s="9" t="s">
        <v>3750</v>
      </c>
      <c r="C1927" s="29" t="s">
        <v>3735</v>
      </c>
      <c r="D1927" s="9" t="s">
        <v>3751</v>
      </c>
      <c r="E1927" s="9" t="s">
        <v>3363</v>
      </c>
      <c r="F1927" s="11">
        <v>47634</v>
      </c>
    </row>
    <row r="1928" spans="1:6" ht="27.75" customHeight="1">
      <c r="A1928" s="17" t="s">
        <v>3752</v>
      </c>
      <c r="B1928" s="9" t="s">
        <v>3750</v>
      </c>
      <c r="C1928" s="29" t="s">
        <v>3735</v>
      </c>
      <c r="D1928" s="13" t="s">
        <v>3751</v>
      </c>
      <c r="E1928" s="9" t="s">
        <v>3753</v>
      </c>
      <c r="F1928" s="11">
        <v>46904</v>
      </c>
    </row>
    <row r="1929" spans="1:6" ht="27.75" customHeight="1">
      <c r="A1929" s="12" t="s">
        <v>3754</v>
      </c>
      <c r="B1929" s="13" t="s">
        <v>3750</v>
      </c>
      <c r="C1929" s="29" t="s">
        <v>3735</v>
      </c>
      <c r="D1929" s="13" t="s">
        <v>3751</v>
      </c>
      <c r="E1929" s="13" t="s">
        <v>3512</v>
      </c>
      <c r="F1929" s="11">
        <v>47422</v>
      </c>
    </row>
    <row r="1930" spans="1:6" ht="27.75" customHeight="1">
      <c r="A1930" s="17" t="s">
        <v>3755</v>
      </c>
      <c r="B1930" s="9" t="s">
        <v>3750</v>
      </c>
      <c r="C1930" s="29" t="s">
        <v>3735</v>
      </c>
      <c r="D1930" s="13" t="s">
        <v>3751</v>
      </c>
      <c r="E1930" s="9" t="s">
        <v>253</v>
      </c>
      <c r="F1930" s="11">
        <v>47938</v>
      </c>
    </row>
    <row r="1931" spans="1:6" ht="27.75" customHeight="1">
      <c r="A1931" s="23" t="s">
        <v>3756</v>
      </c>
      <c r="B1931" s="24" t="s">
        <v>3750</v>
      </c>
      <c r="C1931" s="29" t="s">
        <v>3735</v>
      </c>
      <c r="D1931" s="13" t="s">
        <v>3751</v>
      </c>
      <c r="E1931" s="24" t="s">
        <v>196</v>
      </c>
      <c r="F1931" s="11">
        <v>47422</v>
      </c>
    </row>
    <row r="1932" spans="1:6" ht="27.75" customHeight="1">
      <c r="A1932" s="12" t="s">
        <v>3757</v>
      </c>
      <c r="B1932" s="18" t="s">
        <v>3750</v>
      </c>
      <c r="C1932" s="29" t="s">
        <v>3735</v>
      </c>
      <c r="D1932" s="18" t="s">
        <v>3751</v>
      </c>
      <c r="E1932" s="18" t="s">
        <v>196</v>
      </c>
      <c r="F1932" s="11">
        <v>47330</v>
      </c>
    </row>
    <row r="1933" spans="1:6" ht="27.75" customHeight="1">
      <c r="A1933" s="14" t="s">
        <v>3758</v>
      </c>
      <c r="B1933" s="9" t="s">
        <v>3750</v>
      </c>
      <c r="C1933" s="29" t="s">
        <v>3735</v>
      </c>
      <c r="D1933" s="9" t="s">
        <v>3751</v>
      </c>
      <c r="E1933" s="9" t="s">
        <v>393</v>
      </c>
      <c r="F1933" s="11">
        <v>47208</v>
      </c>
    </row>
    <row r="1934" spans="1:6" ht="27.75" customHeight="1">
      <c r="A1934" s="17" t="s">
        <v>3759</v>
      </c>
      <c r="B1934" s="9" t="s">
        <v>3750</v>
      </c>
      <c r="C1934" s="29" t="s">
        <v>3735</v>
      </c>
      <c r="D1934" s="9" t="s">
        <v>3751</v>
      </c>
      <c r="E1934" s="9" t="s">
        <v>44</v>
      </c>
      <c r="F1934" s="11">
        <v>47238</v>
      </c>
    </row>
    <row r="1935" spans="1:6" ht="27.75" customHeight="1">
      <c r="A1935" s="17" t="s">
        <v>3760</v>
      </c>
      <c r="B1935" s="26" t="s">
        <v>3750</v>
      </c>
      <c r="C1935" s="29" t="s">
        <v>3735</v>
      </c>
      <c r="D1935" s="13" t="s">
        <v>3751</v>
      </c>
      <c r="E1935" s="26" t="s">
        <v>40</v>
      </c>
      <c r="F1935" s="11">
        <v>47422</v>
      </c>
    </row>
    <row r="1936" spans="1:6" ht="27.75" customHeight="1">
      <c r="A1936" s="17" t="s">
        <v>3761</v>
      </c>
      <c r="B1936" s="9" t="s">
        <v>3750</v>
      </c>
      <c r="C1936" s="29" t="s">
        <v>3735</v>
      </c>
      <c r="D1936" s="9" t="s">
        <v>3751</v>
      </c>
      <c r="E1936" s="9" t="s">
        <v>393</v>
      </c>
      <c r="F1936" s="11">
        <v>47422</v>
      </c>
    </row>
    <row r="1937" spans="1:6" ht="27.75" customHeight="1">
      <c r="A1937" s="14" t="s">
        <v>3762</v>
      </c>
      <c r="B1937" s="9" t="s">
        <v>3750</v>
      </c>
      <c r="C1937" s="29" t="s">
        <v>3735</v>
      </c>
      <c r="D1937" s="9" t="s">
        <v>3751</v>
      </c>
      <c r="E1937" s="9" t="s">
        <v>3763</v>
      </c>
      <c r="F1937" s="11">
        <v>47634</v>
      </c>
    </row>
    <row r="1938" spans="1:6" ht="27.75" customHeight="1">
      <c r="A1938" s="20" t="s">
        <v>3764</v>
      </c>
      <c r="B1938" s="13" t="s">
        <v>3750</v>
      </c>
      <c r="C1938" s="29" t="s">
        <v>3735</v>
      </c>
      <c r="D1938" s="13" t="s">
        <v>3751</v>
      </c>
      <c r="E1938" s="13" t="s">
        <v>253</v>
      </c>
      <c r="F1938" s="11">
        <v>47422</v>
      </c>
    </row>
    <row r="1939" spans="1:6" ht="27.75" customHeight="1">
      <c r="A1939" s="8" t="s">
        <v>3765</v>
      </c>
      <c r="B1939" s="9" t="s">
        <v>3750</v>
      </c>
      <c r="C1939" s="29" t="s">
        <v>3735</v>
      </c>
      <c r="D1939" s="9" t="s">
        <v>3751</v>
      </c>
      <c r="E1939" s="9" t="s">
        <v>3766</v>
      </c>
      <c r="F1939" s="11">
        <v>47603</v>
      </c>
    </row>
    <row r="1940" spans="1:6" ht="27.75" customHeight="1">
      <c r="A1940" s="12" t="s">
        <v>3767</v>
      </c>
      <c r="B1940" s="13" t="s">
        <v>3750</v>
      </c>
      <c r="C1940" s="29" t="s">
        <v>3735</v>
      </c>
      <c r="D1940" s="13" t="s">
        <v>3751</v>
      </c>
      <c r="E1940" s="13" t="s">
        <v>270</v>
      </c>
      <c r="F1940" s="11">
        <v>47422</v>
      </c>
    </row>
    <row r="1941" spans="1:6" ht="27.75" customHeight="1">
      <c r="A1941" s="12" t="s">
        <v>3768</v>
      </c>
      <c r="B1941" s="13" t="s">
        <v>3750</v>
      </c>
      <c r="C1941" s="29" t="s">
        <v>3735</v>
      </c>
      <c r="D1941" s="13" t="s">
        <v>3751</v>
      </c>
      <c r="E1941" s="13" t="s">
        <v>393</v>
      </c>
      <c r="F1941" s="11">
        <v>47149</v>
      </c>
    </row>
    <row r="1942" spans="1:6" ht="27.75" customHeight="1">
      <c r="A1942" s="8" t="s">
        <v>3769</v>
      </c>
      <c r="B1942" s="9" t="s">
        <v>3750</v>
      </c>
      <c r="C1942" s="29" t="s">
        <v>3735</v>
      </c>
      <c r="D1942" s="9" t="s">
        <v>3751</v>
      </c>
      <c r="E1942" s="24" t="s">
        <v>21</v>
      </c>
      <c r="F1942" s="11">
        <v>47422</v>
      </c>
    </row>
    <row r="1943" spans="1:6" ht="27.75" customHeight="1">
      <c r="A1943" s="8" t="s">
        <v>3770</v>
      </c>
      <c r="B1943" s="9" t="s">
        <v>3750</v>
      </c>
      <c r="C1943" s="29" t="s">
        <v>3735</v>
      </c>
      <c r="D1943" s="9" t="s">
        <v>3751</v>
      </c>
      <c r="E1943" s="9" t="s">
        <v>44</v>
      </c>
      <c r="F1943" s="11">
        <v>47422</v>
      </c>
    </row>
    <row r="1944" spans="1:6" ht="27.75" customHeight="1">
      <c r="A1944" s="12" t="s">
        <v>3771</v>
      </c>
      <c r="B1944" s="13" t="s">
        <v>3750</v>
      </c>
      <c r="C1944" s="29" t="s">
        <v>3735</v>
      </c>
      <c r="D1944" s="13" t="s">
        <v>3751</v>
      </c>
      <c r="E1944" s="13" t="s">
        <v>40</v>
      </c>
      <c r="F1944" s="11">
        <v>47422</v>
      </c>
    </row>
    <row r="1945" spans="1:6" ht="27.75" customHeight="1">
      <c r="A1945" s="23" t="s">
        <v>3772</v>
      </c>
      <c r="B1945" s="24" t="s">
        <v>3750</v>
      </c>
      <c r="C1945" s="29" t="s">
        <v>3735</v>
      </c>
      <c r="D1945" s="13" t="s">
        <v>3751</v>
      </c>
      <c r="E1945" s="24" t="s">
        <v>284</v>
      </c>
      <c r="F1945" s="11">
        <v>47422</v>
      </c>
    </row>
    <row r="1946" spans="1:6" ht="27.75" customHeight="1">
      <c r="A1946" s="12" t="s">
        <v>3773</v>
      </c>
      <c r="B1946" s="13" t="s">
        <v>3750</v>
      </c>
      <c r="C1946" s="29" t="s">
        <v>3735</v>
      </c>
      <c r="D1946" s="13" t="s">
        <v>3751</v>
      </c>
      <c r="E1946" s="13" t="s">
        <v>25</v>
      </c>
      <c r="F1946" s="11">
        <v>47573</v>
      </c>
    </row>
    <row r="1947" spans="1:6" ht="27.75" customHeight="1">
      <c r="A1947" s="17" t="s">
        <v>3774</v>
      </c>
      <c r="B1947" s="9" t="s">
        <v>3750</v>
      </c>
      <c r="C1947" s="29" t="s">
        <v>3735</v>
      </c>
      <c r="D1947" s="13" t="s">
        <v>3751</v>
      </c>
      <c r="E1947" s="9" t="s">
        <v>44</v>
      </c>
      <c r="F1947" s="11">
        <v>47603</v>
      </c>
    </row>
    <row r="1948" spans="1:6" ht="27.75" customHeight="1">
      <c r="A1948" s="12" t="s">
        <v>3775</v>
      </c>
      <c r="B1948" s="13" t="s">
        <v>3750</v>
      </c>
      <c r="C1948" s="29" t="s">
        <v>3735</v>
      </c>
      <c r="D1948" s="13" t="s">
        <v>3751</v>
      </c>
      <c r="E1948" s="13" t="s">
        <v>3512</v>
      </c>
      <c r="F1948" s="11">
        <v>47422</v>
      </c>
    </row>
    <row r="1949" spans="1:6" ht="27.75" customHeight="1">
      <c r="A1949" s="17" t="s">
        <v>3776</v>
      </c>
      <c r="B1949" s="9" t="s">
        <v>3750</v>
      </c>
      <c r="C1949" s="29" t="s">
        <v>3735</v>
      </c>
      <c r="D1949" s="9" t="s">
        <v>3751</v>
      </c>
      <c r="E1949" s="9" t="s">
        <v>11</v>
      </c>
      <c r="F1949" s="11">
        <v>47695</v>
      </c>
    </row>
    <row r="1950" spans="1:6" ht="27.75" customHeight="1">
      <c r="A1950" s="17" t="s">
        <v>3777</v>
      </c>
      <c r="B1950" s="9" t="s">
        <v>3750</v>
      </c>
      <c r="C1950" s="10" t="s">
        <v>3735</v>
      </c>
      <c r="D1950" s="9" t="s">
        <v>3751</v>
      </c>
      <c r="E1950" s="9" t="s">
        <v>196</v>
      </c>
      <c r="F1950" s="11">
        <v>47422</v>
      </c>
    </row>
    <row r="1951" spans="1:6" ht="27.75" customHeight="1">
      <c r="A1951" s="8" t="s">
        <v>3778</v>
      </c>
      <c r="B1951" s="9" t="s">
        <v>3750</v>
      </c>
      <c r="C1951" s="10" t="s">
        <v>3735</v>
      </c>
      <c r="D1951" s="9" t="s">
        <v>3751</v>
      </c>
      <c r="E1951" s="24" t="s">
        <v>196</v>
      </c>
      <c r="F1951" s="11">
        <v>47422</v>
      </c>
    </row>
    <row r="1952" spans="1:6" ht="27.75" customHeight="1">
      <c r="A1952" s="14" t="s">
        <v>3779</v>
      </c>
      <c r="B1952" s="9" t="s">
        <v>3750</v>
      </c>
      <c r="C1952" s="10" t="s">
        <v>3735</v>
      </c>
      <c r="D1952" s="9" t="s">
        <v>3751</v>
      </c>
      <c r="E1952" s="9" t="s">
        <v>25</v>
      </c>
      <c r="F1952" s="11">
        <v>46599</v>
      </c>
    </row>
    <row r="1953" spans="1:6" ht="27.75" customHeight="1">
      <c r="A1953" s="14" t="s">
        <v>3780</v>
      </c>
      <c r="B1953" s="9" t="s">
        <v>3750</v>
      </c>
      <c r="C1953" s="10" t="s">
        <v>3735</v>
      </c>
      <c r="D1953" s="9" t="s">
        <v>3751</v>
      </c>
      <c r="E1953" s="9" t="s">
        <v>63</v>
      </c>
      <c r="F1953" s="11">
        <v>47422</v>
      </c>
    </row>
    <row r="1954" spans="1:6" ht="27.75" customHeight="1">
      <c r="A1954" s="8" t="s">
        <v>3781</v>
      </c>
      <c r="B1954" s="13" t="s">
        <v>3750</v>
      </c>
      <c r="C1954" s="10" t="s">
        <v>3735</v>
      </c>
      <c r="D1954" s="9" t="s">
        <v>3751</v>
      </c>
      <c r="E1954" s="24" t="s">
        <v>25</v>
      </c>
      <c r="F1954" s="11">
        <v>47603</v>
      </c>
    </row>
    <row r="1955" spans="1:6" ht="27.75" customHeight="1">
      <c r="A1955" s="12" t="s">
        <v>3782</v>
      </c>
      <c r="B1955" s="13" t="s">
        <v>3750</v>
      </c>
      <c r="C1955" s="10" t="s">
        <v>3735</v>
      </c>
      <c r="D1955" s="13" t="s">
        <v>3751</v>
      </c>
      <c r="E1955" s="13" t="s">
        <v>497</v>
      </c>
      <c r="F1955" s="11">
        <v>46142</v>
      </c>
    </row>
    <row r="1956" spans="1:6" ht="27.75" customHeight="1">
      <c r="A1956" s="12" t="s">
        <v>3783</v>
      </c>
      <c r="B1956" s="13" t="s">
        <v>3750</v>
      </c>
      <c r="C1956" s="10" t="s">
        <v>3735</v>
      </c>
      <c r="D1956" s="13" t="s">
        <v>3751</v>
      </c>
      <c r="E1956" s="13" t="s">
        <v>3753</v>
      </c>
      <c r="F1956" s="11">
        <v>47817</v>
      </c>
    </row>
    <row r="1957" spans="1:6" ht="27.75" customHeight="1">
      <c r="A1957" s="8" t="s">
        <v>3784</v>
      </c>
      <c r="B1957" s="13" t="s">
        <v>3750</v>
      </c>
      <c r="C1957" s="10" t="s">
        <v>3735</v>
      </c>
      <c r="D1957" s="13" t="s">
        <v>3751</v>
      </c>
      <c r="E1957" s="13" t="s">
        <v>393</v>
      </c>
      <c r="F1957" s="11">
        <v>47664</v>
      </c>
    </row>
    <row r="1958" spans="1:6" ht="27.75" customHeight="1">
      <c r="A1958" s="12" t="s">
        <v>3785</v>
      </c>
      <c r="B1958" s="13" t="s">
        <v>3750</v>
      </c>
      <c r="C1958" s="10" t="s">
        <v>3735</v>
      </c>
      <c r="D1958" s="13" t="s">
        <v>3751</v>
      </c>
      <c r="E1958" s="13" t="s">
        <v>3512</v>
      </c>
      <c r="F1958" s="11">
        <v>47603</v>
      </c>
    </row>
    <row r="1959" spans="1:6" ht="27.75" customHeight="1">
      <c r="A1959" s="14" t="s">
        <v>3786</v>
      </c>
      <c r="B1959" s="9" t="s">
        <v>3750</v>
      </c>
      <c r="C1959" s="10" t="s">
        <v>3735</v>
      </c>
      <c r="D1959" s="9" t="s">
        <v>3751</v>
      </c>
      <c r="E1959" s="9" t="s">
        <v>270</v>
      </c>
      <c r="F1959" s="11">
        <v>47422</v>
      </c>
    </row>
    <row r="1960" spans="1:6" ht="27.75" customHeight="1">
      <c r="A1960" s="17" t="s">
        <v>3787</v>
      </c>
      <c r="B1960" s="9" t="s">
        <v>3750</v>
      </c>
      <c r="C1960" s="10" t="s">
        <v>3735</v>
      </c>
      <c r="D1960" s="9" t="s">
        <v>3751</v>
      </c>
      <c r="E1960" s="9" t="s">
        <v>497</v>
      </c>
      <c r="F1960" s="11">
        <v>46934</v>
      </c>
    </row>
    <row r="1961" spans="1:6" ht="27.75" customHeight="1">
      <c r="A1961" s="12" t="s">
        <v>3788</v>
      </c>
      <c r="B1961" s="13" t="s">
        <v>3750</v>
      </c>
      <c r="C1961" s="10" t="s">
        <v>3735</v>
      </c>
      <c r="D1961" s="13" t="s">
        <v>3751</v>
      </c>
      <c r="E1961" s="13" t="s">
        <v>196</v>
      </c>
      <c r="F1961" s="11">
        <v>47422</v>
      </c>
    </row>
    <row r="1962" spans="1:6" ht="27.75" customHeight="1">
      <c r="A1962" s="12" t="s">
        <v>3789</v>
      </c>
      <c r="B1962" s="13" t="s">
        <v>3750</v>
      </c>
      <c r="C1962" s="10" t="s">
        <v>3735</v>
      </c>
      <c r="D1962" s="13" t="s">
        <v>3751</v>
      </c>
      <c r="E1962" s="13" t="s">
        <v>11</v>
      </c>
      <c r="F1962" s="11">
        <v>47422</v>
      </c>
    </row>
    <row r="1963" spans="1:6" ht="27.75" customHeight="1">
      <c r="A1963" s="17" t="s">
        <v>3790</v>
      </c>
      <c r="B1963" s="26" t="s">
        <v>3750</v>
      </c>
      <c r="C1963" s="10" t="s">
        <v>3735</v>
      </c>
      <c r="D1963" s="13" t="s">
        <v>3751</v>
      </c>
      <c r="E1963" s="26" t="s">
        <v>44</v>
      </c>
      <c r="F1963" s="11">
        <v>47422</v>
      </c>
    </row>
    <row r="1964" spans="1:6" ht="27.75" customHeight="1">
      <c r="A1964" s="17" t="s">
        <v>3791</v>
      </c>
      <c r="B1964" s="26" t="s">
        <v>3750</v>
      </c>
      <c r="C1964" s="10" t="s">
        <v>3735</v>
      </c>
      <c r="D1964" s="13" t="s">
        <v>3751</v>
      </c>
      <c r="E1964" s="26" t="s">
        <v>44</v>
      </c>
      <c r="F1964" s="11">
        <v>47422</v>
      </c>
    </row>
    <row r="1965" spans="1:6" ht="27.75" customHeight="1">
      <c r="A1965" s="17" t="s">
        <v>3792</v>
      </c>
      <c r="B1965" s="9" t="s">
        <v>3750</v>
      </c>
      <c r="C1965" s="10" t="s">
        <v>3735</v>
      </c>
      <c r="D1965" s="13" t="s">
        <v>3751</v>
      </c>
      <c r="E1965" s="9" t="s">
        <v>11</v>
      </c>
      <c r="F1965" s="11">
        <v>47483</v>
      </c>
    </row>
    <row r="1966" spans="1:6" ht="27.75" customHeight="1">
      <c r="A1966" s="17" t="s">
        <v>3793</v>
      </c>
      <c r="B1966" s="9" t="s">
        <v>3750</v>
      </c>
      <c r="C1966" s="10" t="s">
        <v>3735</v>
      </c>
      <c r="D1966" s="9" t="s">
        <v>3751</v>
      </c>
      <c r="E1966" s="9" t="s">
        <v>44</v>
      </c>
      <c r="F1966" s="11">
        <v>46568</v>
      </c>
    </row>
    <row r="1967" spans="1:6" ht="27.75" customHeight="1">
      <c r="A1967" s="8" t="s">
        <v>3794</v>
      </c>
      <c r="B1967" s="9" t="s">
        <v>3750</v>
      </c>
      <c r="C1967" s="10" t="s">
        <v>3735</v>
      </c>
      <c r="D1967" s="9" t="s">
        <v>3751</v>
      </c>
      <c r="E1967" s="24" t="s">
        <v>40</v>
      </c>
      <c r="F1967" s="11">
        <v>46568</v>
      </c>
    </row>
    <row r="1968" spans="1:6" ht="27.75" customHeight="1">
      <c r="A1968" s="17" t="s">
        <v>3795</v>
      </c>
      <c r="B1968" s="9" t="s">
        <v>3750</v>
      </c>
      <c r="C1968" s="10" t="s">
        <v>3735</v>
      </c>
      <c r="D1968" s="9" t="s">
        <v>3751</v>
      </c>
      <c r="E1968" s="9" t="s">
        <v>284</v>
      </c>
      <c r="F1968" s="11">
        <v>47422</v>
      </c>
    </row>
    <row r="1969" spans="1:6" ht="27.75" customHeight="1">
      <c r="A1969" s="8" t="s">
        <v>3796</v>
      </c>
      <c r="B1969" s="13" t="s">
        <v>3750</v>
      </c>
      <c r="C1969" s="10" t="s">
        <v>3735</v>
      </c>
      <c r="D1969" s="13" t="s">
        <v>3751</v>
      </c>
      <c r="E1969" s="13" t="s">
        <v>3766</v>
      </c>
      <c r="F1969" s="11">
        <v>47938</v>
      </c>
    </row>
    <row r="1970" spans="1:6" ht="27.75" customHeight="1">
      <c r="A1970" s="20" t="s">
        <v>3797</v>
      </c>
      <c r="B1970" s="13" t="s">
        <v>3750</v>
      </c>
      <c r="C1970" s="10" t="s">
        <v>3735</v>
      </c>
      <c r="D1970" s="13" t="s">
        <v>3751</v>
      </c>
      <c r="E1970" s="13" t="s">
        <v>3766</v>
      </c>
      <c r="F1970" s="11">
        <v>47422</v>
      </c>
    </row>
    <row r="1971" spans="1:6" ht="27.75" customHeight="1">
      <c r="A1971" s="14" t="s">
        <v>3798</v>
      </c>
      <c r="B1971" s="9" t="s">
        <v>3750</v>
      </c>
      <c r="C1971" s="10" t="s">
        <v>3735</v>
      </c>
      <c r="D1971" s="9" t="s">
        <v>3751</v>
      </c>
      <c r="E1971" s="9" t="s">
        <v>40</v>
      </c>
      <c r="F1971" s="11">
        <v>47422</v>
      </c>
    </row>
    <row r="1972" spans="1:6" ht="27.75" customHeight="1">
      <c r="A1972" s="17" t="s">
        <v>3799</v>
      </c>
      <c r="B1972" s="9" t="s">
        <v>3750</v>
      </c>
      <c r="C1972" s="10" t="s">
        <v>3735</v>
      </c>
      <c r="D1972" s="9" t="s">
        <v>3751</v>
      </c>
      <c r="E1972" s="9" t="s">
        <v>1085</v>
      </c>
      <c r="F1972" s="11">
        <v>46904</v>
      </c>
    </row>
    <row r="1973" spans="1:6" ht="27.75" customHeight="1">
      <c r="A1973" s="17" t="s">
        <v>3800</v>
      </c>
      <c r="B1973" s="26" t="s">
        <v>3750</v>
      </c>
      <c r="C1973" s="10" t="s">
        <v>3735</v>
      </c>
      <c r="D1973" s="13" t="s">
        <v>3751</v>
      </c>
      <c r="E1973" s="26" t="s">
        <v>44</v>
      </c>
      <c r="F1973" s="11">
        <v>47269</v>
      </c>
    </row>
    <row r="1974" spans="1:6" ht="27.75" customHeight="1">
      <c r="A1974" s="17" t="s">
        <v>3801</v>
      </c>
      <c r="B1974" s="9" t="s">
        <v>3750</v>
      </c>
      <c r="C1974" s="10" t="s">
        <v>3735</v>
      </c>
      <c r="D1974" s="13" t="s">
        <v>3751</v>
      </c>
      <c r="E1974" s="9" t="s">
        <v>25</v>
      </c>
      <c r="F1974" s="11">
        <v>47938</v>
      </c>
    </row>
    <row r="1975" spans="1:6" ht="27.75" customHeight="1">
      <c r="A1975" s="12" t="s">
        <v>3802</v>
      </c>
      <c r="B1975" s="13" t="s">
        <v>3750</v>
      </c>
      <c r="C1975" s="10" t="s">
        <v>3735</v>
      </c>
      <c r="D1975" s="13" t="s">
        <v>3751</v>
      </c>
      <c r="E1975" s="13" t="s">
        <v>3766</v>
      </c>
      <c r="F1975" s="11">
        <v>47422</v>
      </c>
    </row>
    <row r="1976" spans="1:6" ht="27.75" customHeight="1">
      <c r="A1976" s="14" t="s">
        <v>3803</v>
      </c>
      <c r="B1976" s="9" t="s">
        <v>3750</v>
      </c>
      <c r="C1976" s="10" t="s">
        <v>3735</v>
      </c>
      <c r="D1976" s="9" t="s">
        <v>3751</v>
      </c>
      <c r="E1976" s="9" t="s">
        <v>270</v>
      </c>
      <c r="F1976" s="11">
        <v>46507</v>
      </c>
    </row>
    <row r="1977" spans="1:6" ht="27.75" customHeight="1">
      <c r="A1977" s="17" t="s">
        <v>3804</v>
      </c>
      <c r="B1977" s="26" t="s">
        <v>3750</v>
      </c>
      <c r="C1977" s="10" t="s">
        <v>3735</v>
      </c>
      <c r="D1977" s="13" t="s">
        <v>3751</v>
      </c>
      <c r="E1977" s="26" t="s">
        <v>25</v>
      </c>
      <c r="F1977" s="11">
        <v>47573</v>
      </c>
    </row>
    <row r="1978" spans="1:6" ht="27.75" customHeight="1">
      <c r="A1978" s="20" t="s">
        <v>3805</v>
      </c>
      <c r="B1978" s="13" t="s">
        <v>3750</v>
      </c>
      <c r="C1978" s="10" t="s">
        <v>3735</v>
      </c>
      <c r="D1978" s="9" t="s">
        <v>3751</v>
      </c>
      <c r="E1978" s="13" t="s">
        <v>3806</v>
      </c>
      <c r="F1978" s="11">
        <v>47664</v>
      </c>
    </row>
    <row r="1979" spans="1:6" ht="27.75" customHeight="1">
      <c r="A1979" s="17" t="s">
        <v>3807</v>
      </c>
      <c r="B1979" s="9" t="s">
        <v>3750</v>
      </c>
      <c r="C1979" s="10" t="s">
        <v>3735</v>
      </c>
      <c r="D1979" s="9" t="s">
        <v>3751</v>
      </c>
      <c r="E1979" s="9" t="s">
        <v>63</v>
      </c>
      <c r="F1979" s="11">
        <v>47026</v>
      </c>
    </row>
    <row r="1980" spans="1:6" ht="27.75" customHeight="1">
      <c r="A1980" s="12" t="s">
        <v>3808</v>
      </c>
      <c r="B1980" s="13" t="s">
        <v>3750</v>
      </c>
      <c r="C1980" s="10" t="s">
        <v>3735</v>
      </c>
      <c r="D1980" s="13" t="s">
        <v>3751</v>
      </c>
      <c r="E1980" s="13" t="s">
        <v>497</v>
      </c>
      <c r="F1980" s="11">
        <v>47603</v>
      </c>
    </row>
    <row r="1981" spans="1:6" ht="27.75" customHeight="1">
      <c r="A1981" s="12" t="s">
        <v>3809</v>
      </c>
      <c r="B1981" s="13" t="s">
        <v>3750</v>
      </c>
      <c r="C1981" s="10" t="s">
        <v>3735</v>
      </c>
      <c r="D1981" s="13" t="s">
        <v>3751</v>
      </c>
      <c r="E1981" s="13" t="s">
        <v>270</v>
      </c>
      <c r="F1981" s="11">
        <v>47695</v>
      </c>
    </row>
    <row r="1982" spans="1:6" ht="27.75" customHeight="1">
      <c r="A1982" s="12" t="s">
        <v>3810</v>
      </c>
      <c r="B1982" s="13" t="s">
        <v>3750</v>
      </c>
      <c r="C1982" s="10" t="s">
        <v>3735</v>
      </c>
      <c r="D1982" s="13" t="s">
        <v>3751</v>
      </c>
      <c r="E1982" s="13" t="s">
        <v>44</v>
      </c>
      <c r="F1982" s="11">
        <v>47238</v>
      </c>
    </row>
    <row r="1983" spans="1:6" ht="27.75" customHeight="1">
      <c r="A1983" s="12" t="s">
        <v>3811</v>
      </c>
      <c r="B1983" s="13" t="s">
        <v>3750</v>
      </c>
      <c r="C1983" s="10" t="s">
        <v>3735</v>
      </c>
      <c r="D1983" s="13" t="s">
        <v>3751</v>
      </c>
      <c r="E1983" s="13" t="s">
        <v>40</v>
      </c>
      <c r="F1983" s="11">
        <v>47422</v>
      </c>
    </row>
    <row r="1984" spans="1:6" ht="27.75" customHeight="1">
      <c r="A1984" s="14" t="s">
        <v>3812</v>
      </c>
      <c r="B1984" s="9" t="s">
        <v>3750</v>
      </c>
      <c r="C1984" s="10" t="s">
        <v>3735</v>
      </c>
      <c r="D1984" s="9" t="s">
        <v>3751</v>
      </c>
      <c r="E1984" s="9" t="s">
        <v>40</v>
      </c>
      <c r="F1984" s="11">
        <v>46568</v>
      </c>
    </row>
    <row r="1985" spans="1:6" ht="27.75" customHeight="1">
      <c r="A1985" s="17" t="s">
        <v>3813</v>
      </c>
      <c r="B1985" s="9" t="s">
        <v>3750</v>
      </c>
      <c r="C1985" s="10" t="s">
        <v>3735</v>
      </c>
      <c r="D1985" s="9" t="s">
        <v>3751</v>
      </c>
      <c r="E1985" s="9" t="s">
        <v>11</v>
      </c>
      <c r="F1985" s="11">
        <v>46904</v>
      </c>
    </row>
    <row r="1986" spans="1:6" ht="27.75" customHeight="1">
      <c r="A1986" s="14" t="s">
        <v>3814</v>
      </c>
      <c r="B1986" s="9" t="s">
        <v>3750</v>
      </c>
      <c r="C1986" s="10" t="s">
        <v>3735</v>
      </c>
      <c r="D1986" s="9" t="s">
        <v>3751</v>
      </c>
      <c r="E1986" s="9" t="s">
        <v>17</v>
      </c>
      <c r="F1986" s="11">
        <v>47573</v>
      </c>
    </row>
    <row r="1987" spans="1:6" ht="27.75" customHeight="1">
      <c r="A1987" s="14" t="s">
        <v>3815</v>
      </c>
      <c r="B1987" s="9" t="s">
        <v>3750</v>
      </c>
      <c r="C1987" s="10" t="s">
        <v>3735</v>
      </c>
      <c r="D1987" s="9" t="s">
        <v>3751</v>
      </c>
      <c r="E1987" s="9" t="s">
        <v>393</v>
      </c>
      <c r="F1987" s="11">
        <v>47422</v>
      </c>
    </row>
    <row r="1988" spans="1:6" ht="27.75" customHeight="1">
      <c r="A1988" s="14" t="s">
        <v>3816</v>
      </c>
      <c r="B1988" s="9" t="s">
        <v>3750</v>
      </c>
      <c r="C1988" s="10" t="s">
        <v>3735</v>
      </c>
      <c r="D1988" s="9" t="s">
        <v>3751</v>
      </c>
      <c r="E1988" s="9" t="s">
        <v>3806</v>
      </c>
      <c r="F1988" s="11">
        <v>46538</v>
      </c>
    </row>
    <row r="1989" spans="1:6" ht="27.75" customHeight="1">
      <c r="A1989" s="20" t="s">
        <v>3817</v>
      </c>
      <c r="B1989" s="13" t="s">
        <v>3750</v>
      </c>
      <c r="C1989" s="10" t="s">
        <v>3735</v>
      </c>
      <c r="D1989" s="13" t="s">
        <v>3751</v>
      </c>
      <c r="E1989" s="13" t="s">
        <v>3512</v>
      </c>
      <c r="F1989" s="11">
        <v>47422</v>
      </c>
    </row>
    <row r="1990" spans="1:6" ht="27.75" customHeight="1">
      <c r="A1990" s="8" t="s">
        <v>3818</v>
      </c>
      <c r="B1990" s="9" t="s">
        <v>3750</v>
      </c>
      <c r="C1990" s="10" t="s">
        <v>3735</v>
      </c>
      <c r="D1990" s="9" t="s">
        <v>3751</v>
      </c>
      <c r="E1990" s="9" t="s">
        <v>115</v>
      </c>
      <c r="F1990" s="11">
        <v>47422</v>
      </c>
    </row>
    <row r="1991" spans="1:6" ht="27.75" customHeight="1">
      <c r="A1991" s="12" t="s">
        <v>3819</v>
      </c>
      <c r="B1991" s="13" t="s">
        <v>3750</v>
      </c>
      <c r="C1991" s="10" t="s">
        <v>3735</v>
      </c>
      <c r="D1991" s="13" t="s">
        <v>3751</v>
      </c>
      <c r="E1991" s="13" t="s">
        <v>25</v>
      </c>
      <c r="F1991" s="11">
        <v>47422</v>
      </c>
    </row>
    <row r="1992" spans="1:6" ht="27.75" customHeight="1">
      <c r="A1992" s="8" t="s">
        <v>3820</v>
      </c>
      <c r="B1992" s="13" t="s">
        <v>3750</v>
      </c>
      <c r="C1992" s="10" t="s">
        <v>3735</v>
      </c>
      <c r="D1992" s="13" t="s">
        <v>3751</v>
      </c>
      <c r="E1992" s="13" t="s">
        <v>3753</v>
      </c>
      <c r="F1992" s="11">
        <v>47118</v>
      </c>
    </row>
    <row r="1993" spans="1:6" ht="27.75" customHeight="1">
      <c r="A1993" s="17" t="s">
        <v>3821</v>
      </c>
      <c r="B1993" s="9" t="s">
        <v>3750</v>
      </c>
      <c r="C1993" s="10" t="s">
        <v>3735</v>
      </c>
      <c r="D1993" s="9" t="s">
        <v>3751</v>
      </c>
      <c r="E1993" s="9" t="s">
        <v>21</v>
      </c>
      <c r="F1993" s="11">
        <v>47422</v>
      </c>
    </row>
    <row r="1994" spans="1:6" ht="27.75" customHeight="1">
      <c r="A1994" s="14" t="s">
        <v>3822</v>
      </c>
      <c r="B1994" s="9" t="s">
        <v>3750</v>
      </c>
      <c r="C1994" s="10" t="s">
        <v>3735</v>
      </c>
      <c r="D1994" s="9" t="s">
        <v>3751</v>
      </c>
      <c r="E1994" s="9" t="s">
        <v>40</v>
      </c>
      <c r="F1994" s="11">
        <v>47422</v>
      </c>
    </row>
    <row r="1995" spans="1:6" ht="27.75" customHeight="1">
      <c r="A1995" s="17" t="s">
        <v>3823</v>
      </c>
      <c r="B1995" s="9" t="s">
        <v>3750</v>
      </c>
      <c r="C1995" s="10" t="s">
        <v>3735</v>
      </c>
      <c r="D1995" s="9" t="s">
        <v>3751</v>
      </c>
      <c r="E1995" s="9" t="s">
        <v>369</v>
      </c>
      <c r="F1995" s="11">
        <v>47422</v>
      </c>
    </row>
    <row r="1996" spans="1:6" ht="27.75" customHeight="1">
      <c r="A1996" s="14" t="s">
        <v>3824</v>
      </c>
      <c r="B1996" s="9" t="s">
        <v>3750</v>
      </c>
      <c r="C1996" s="10" t="s">
        <v>3735</v>
      </c>
      <c r="D1996" s="9" t="s">
        <v>3751</v>
      </c>
      <c r="E1996" s="9" t="s">
        <v>25</v>
      </c>
      <c r="F1996" s="11">
        <v>47422</v>
      </c>
    </row>
    <row r="1997" spans="1:6" ht="27.75" customHeight="1">
      <c r="A1997" s="12" t="s">
        <v>3825</v>
      </c>
      <c r="B1997" s="13" t="s">
        <v>3750</v>
      </c>
      <c r="C1997" s="10" t="s">
        <v>3735</v>
      </c>
      <c r="D1997" s="13" t="s">
        <v>3751</v>
      </c>
      <c r="E1997" s="13" t="s">
        <v>44</v>
      </c>
      <c r="F1997" s="11">
        <v>46142</v>
      </c>
    </row>
    <row r="1998" spans="1:6" ht="27.75" customHeight="1">
      <c r="A1998" s="8" t="s">
        <v>3826</v>
      </c>
      <c r="B1998" s="13" t="s">
        <v>3750</v>
      </c>
      <c r="C1998" s="10" t="s">
        <v>3735</v>
      </c>
      <c r="D1998" s="13" t="s">
        <v>3751</v>
      </c>
      <c r="E1998" s="13" t="s">
        <v>44</v>
      </c>
      <c r="F1998" s="11">
        <v>47938</v>
      </c>
    </row>
    <row r="1999" spans="1:6" ht="27.75" customHeight="1">
      <c r="A1999" s="8" t="s">
        <v>3827</v>
      </c>
      <c r="B1999" s="9" t="s">
        <v>3750</v>
      </c>
      <c r="C1999" s="10" t="s">
        <v>3735</v>
      </c>
      <c r="D1999" s="9" t="s">
        <v>3751</v>
      </c>
      <c r="E1999" s="24" t="s">
        <v>25</v>
      </c>
      <c r="F1999" s="11">
        <v>47422</v>
      </c>
    </row>
    <row r="2000" spans="1:6" ht="27.75" customHeight="1">
      <c r="A2000" s="12" t="s">
        <v>3828</v>
      </c>
      <c r="B2000" s="18" t="s">
        <v>3750</v>
      </c>
      <c r="C2000" s="10" t="s">
        <v>3735</v>
      </c>
      <c r="D2000" s="18" t="s">
        <v>3751</v>
      </c>
      <c r="E2000" s="18" t="s">
        <v>3806</v>
      </c>
      <c r="F2000" s="19">
        <v>47848</v>
      </c>
    </row>
    <row r="2001" spans="1:6" ht="27.75" customHeight="1">
      <c r="A2001" s="8" t="s">
        <v>3829</v>
      </c>
      <c r="B2001" s="9" t="s">
        <v>3750</v>
      </c>
      <c r="C2001" s="10" t="s">
        <v>3735</v>
      </c>
      <c r="D2001" s="9" t="s">
        <v>3751</v>
      </c>
      <c r="E2001" s="9" t="s">
        <v>1085</v>
      </c>
      <c r="F2001" s="35">
        <v>46203</v>
      </c>
    </row>
    <row r="2002" spans="1:6" ht="27.75" customHeight="1">
      <c r="A2002" s="17" t="s">
        <v>3830</v>
      </c>
      <c r="B2002" s="9" t="s">
        <v>3750</v>
      </c>
      <c r="C2002" s="10" t="s">
        <v>3735</v>
      </c>
      <c r="D2002" s="9" t="s">
        <v>3751</v>
      </c>
      <c r="E2002" s="9" t="s">
        <v>11</v>
      </c>
      <c r="F2002" s="11">
        <v>47026</v>
      </c>
    </row>
    <row r="2003" spans="1:6" ht="27.75" customHeight="1">
      <c r="A2003" s="14" t="s">
        <v>3831</v>
      </c>
      <c r="B2003" s="9" t="s">
        <v>3750</v>
      </c>
      <c r="C2003" s="10" t="s">
        <v>3735</v>
      </c>
      <c r="D2003" s="9" t="s">
        <v>3751</v>
      </c>
      <c r="E2003" s="9" t="s">
        <v>253</v>
      </c>
      <c r="F2003" s="11">
        <v>47422</v>
      </c>
    </row>
    <row r="2004" spans="1:6" ht="27.75" customHeight="1">
      <c r="A2004" s="14" t="s">
        <v>3832</v>
      </c>
      <c r="B2004" s="9" t="s">
        <v>3750</v>
      </c>
      <c r="C2004" s="10" t="s">
        <v>3735</v>
      </c>
      <c r="D2004" s="9" t="s">
        <v>3751</v>
      </c>
      <c r="E2004" s="9" t="s">
        <v>25</v>
      </c>
      <c r="F2004" s="11">
        <v>47422</v>
      </c>
    </row>
    <row r="2005" spans="1:6" ht="27.75" customHeight="1">
      <c r="A2005" s="8" t="s">
        <v>3833</v>
      </c>
      <c r="B2005" s="9" t="s">
        <v>3750</v>
      </c>
      <c r="C2005" s="10" t="s">
        <v>3735</v>
      </c>
      <c r="D2005" s="9" t="s">
        <v>3751</v>
      </c>
      <c r="E2005" s="9" t="s">
        <v>63</v>
      </c>
      <c r="F2005" s="11">
        <v>47177</v>
      </c>
    </row>
    <row r="2006" spans="1:6" ht="27.75" customHeight="1">
      <c r="A2006" s="12" t="s">
        <v>3834</v>
      </c>
      <c r="B2006" s="9" t="s">
        <v>3750</v>
      </c>
      <c r="C2006" s="10" t="s">
        <v>3735</v>
      </c>
      <c r="D2006" s="13" t="s">
        <v>3751</v>
      </c>
      <c r="E2006" s="13" t="s">
        <v>232</v>
      </c>
      <c r="F2006" s="11">
        <v>47422</v>
      </c>
    </row>
    <row r="2007" spans="1:6" ht="27.75" customHeight="1">
      <c r="A2007" s="14" t="s">
        <v>3835</v>
      </c>
      <c r="B2007" s="9" t="s">
        <v>3750</v>
      </c>
      <c r="C2007" s="10" t="s">
        <v>3735</v>
      </c>
      <c r="D2007" s="9" t="s">
        <v>3751</v>
      </c>
      <c r="E2007" s="9" t="s">
        <v>321</v>
      </c>
      <c r="F2007" s="11">
        <v>46142</v>
      </c>
    </row>
    <row r="2008" spans="1:6" ht="27.75" customHeight="1">
      <c r="A2008" s="12" t="s">
        <v>3836</v>
      </c>
      <c r="B2008" s="13" t="s">
        <v>3750</v>
      </c>
      <c r="C2008" s="10" t="s">
        <v>3735</v>
      </c>
      <c r="D2008" s="13" t="s">
        <v>3751</v>
      </c>
      <c r="E2008" s="13" t="s">
        <v>2709</v>
      </c>
      <c r="F2008" s="11">
        <v>47726</v>
      </c>
    </row>
    <row r="2009" spans="1:6" ht="27.75" customHeight="1">
      <c r="A2009" s="17" t="s">
        <v>3837</v>
      </c>
      <c r="B2009" s="9" t="s">
        <v>3750</v>
      </c>
      <c r="C2009" s="10" t="s">
        <v>3735</v>
      </c>
      <c r="D2009" s="9" t="s">
        <v>3751</v>
      </c>
      <c r="E2009" s="9" t="s">
        <v>25</v>
      </c>
      <c r="F2009" s="11">
        <v>47756</v>
      </c>
    </row>
    <row r="2010" spans="1:6" ht="27.75" customHeight="1">
      <c r="A2010" s="12" t="s">
        <v>3838</v>
      </c>
      <c r="B2010" s="13" t="s">
        <v>3750</v>
      </c>
      <c r="C2010" s="10" t="s">
        <v>3735</v>
      </c>
      <c r="D2010" s="13" t="s">
        <v>3751</v>
      </c>
      <c r="E2010" s="13" t="s">
        <v>284</v>
      </c>
      <c r="F2010" s="11">
        <v>47422</v>
      </c>
    </row>
    <row r="2011" spans="1:6" ht="27.75" customHeight="1">
      <c r="A2011" s="17" t="s">
        <v>3839</v>
      </c>
      <c r="B2011" s="26" t="s">
        <v>3750</v>
      </c>
      <c r="C2011" s="10" t="s">
        <v>3735</v>
      </c>
      <c r="D2011" s="9" t="s">
        <v>3751</v>
      </c>
      <c r="E2011" s="26" t="s">
        <v>424</v>
      </c>
      <c r="F2011" s="11">
        <v>47756</v>
      </c>
    </row>
    <row r="2012" spans="1:6" ht="27.75" customHeight="1">
      <c r="A2012" s="14" t="s">
        <v>3840</v>
      </c>
      <c r="B2012" s="9" t="s">
        <v>3750</v>
      </c>
      <c r="C2012" s="10" t="s">
        <v>3735</v>
      </c>
      <c r="D2012" s="9" t="s">
        <v>3751</v>
      </c>
      <c r="E2012" s="9" t="s">
        <v>253</v>
      </c>
      <c r="F2012" s="11">
        <v>47907</v>
      </c>
    </row>
    <row r="2013" spans="1:6" ht="27.75" customHeight="1">
      <c r="A2013" s="14" t="s">
        <v>3841</v>
      </c>
      <c r="B2013" s="9" t="s">
        <v>3750</v>
      </c>
      <c r="C2013" s="10" t="s">
        <v>3735</v>
      </c>
      <c r="D2013" s="9" t="s">
        <v>3751</v>
      </c>
      <c r="E2013" s="9" t="s">
        <v>3512</v>
      </c>
      <c r="F2013" s="11">
        <v>47422</v>
      </c>
    </row>
    <row r="2014" spans="1:6" ht="27.75" customHeight="1">
      <c r="A2014" s="14" t="s">
        <v>3842</v>
      </c>
      <c r="B2014" s="9" t="s">
        <v>3750</v>
      </c>
      <c r="C2014" s="10" t="s">
        <v>3735</v>
      </c>
      <c r="D2014" s="9" t="s">
        <v>3751</v>
      </c>
      <c r="E2014" s="9" t="s">
        <v>3512</v>
      </c>
      <c r="F2014" s="11">
        <v>47422</v>
      </c>
    </row>
    <row r="2015" spans="1:6" ht="27.75" customHeight="1">
      <c r="A2015" s="12" t="s">
        <v>3843</v>
      </c>
      <c r="B2015" s="13" t="s">
        <v>3750</v>
      </c>
      <c r="C2015" s="10" t="s">
        <v>3735</v>
      </c>
      <c r="D2015" s="13" t="s">
        <v>3751</v>
      </c>
      <c r="E2015" s="13" t="s">
        <v>393</v>
      </c>
      <c r="F2015" s="11">
        <v>47422</v>
      </c>
    </row>
    <row r="2016" spans="1:6" ht="27.75" customHeight="1">
      <c r="A2016" s="14" t="s">
        <v>3844</v>
      </c>
      <c r="B2016" s="9" t="s">
        <v>3750</v>
      </c>
      <c r="C2016" s="10" t="s">
        <v>3735</v>
      </c>
      <c r="D2016" s="9" t="s">
        <v>3751</v>
      </c>
      <c r="E2016" s="9" t="s">
        <v>132</v>
      </c>
      <c r="F2016" s="11">
        <v>47695</v>
      </c>
    </row>
    <row r="2017" spans="1:6" ht="27.75" customHeight="1">
      <c r="A2017" s="20" t="s">
        <v>3845</v>
      </c>
      <c r="B2017" s="9" t="s">
        <v>3750</v>
      </c>
      <c r="C2017" s="10" t="s">
        <v>3735</v>
      </c>
      <c r="D2017" s="9" t="s">
        <v>3751</v>
      </c>
      <c r="E2017" s="13" t="s">
        <v>3766</v>
      </c>
      <c r="F2017" s="11">
        <v>46965</v>
      </c>
    </row>
    <row r="2018" spans="1:6" ht="27.75" customHeight="1">
      <c r="A2018" s="15" t="s">
        <v>3846</v>
      </c>
      <c r="B2018" s="13" t="s">
        <v>3750</v>
      </c>
      <c r="C2018" s="10" t="s">
        <v>3735</v>
      </c>
      <c r="D2018" s="9" t="s">
        <v>3751</v>
      </c>
      <c r="E2018" s="13" t="s">
        <v>3847</v>
      </c>
      <c r="F2018" s="11">
        <v>47422</v>
      </c>
    </row>
    <row r="2019" spans="1:6" ht="27.75" customHeight="1">
      <c r="A2019" s="12" t="s">
        <v>3848</v>
      </c>
      <c r="B2019" s="13" t="s">
        <v>3750</v>
      </c>
      <c r="C2019" s="10" t="s">
        <v>3735</v>
      </c>
      <c r="D2019" s="13" t="s">
        <v>3751</v>
      </c>
      <c r="E2019" s="13" t="s">
        <v>253</v>
      </c>
      <c r="F2019" s="11">
        <v>47634</v>
      </c>
    </row>
    <row r="2020" spans="1:6" ht="27.75" customHeight="1">
      <c r="A2020" s="17" t="s">
        <v>3849</v>
      </c>
      <c r="B2020" s="13" t="s">
        <v>3750</v>
      </c>
      <c r="C2020" s="10" t="s">
        <v>3735</v>
      </c>
      <c r="D2020" s="9" t="s">
        <v>3751</v>
      </c>
      <c r="E2020" s="9" t="s">
        <v>3512</v>
      </c>
      <c r="F2020" s="11">
        <v>47422</v>
      </c>
    </row>
    <row r="2021" spans="1:6" ht="27.75" customHeight="1">
      <c r="A2021" s="20" t="s">
        <v>3850</v>
      </c>
      <c r="B2021" s="13" t="s">
        <v>3750</v>
      </c>
      <c r="C2021" s="10" t="s">
        <v>3735</v>
      </c>
      <c r="D2021" s="9" t="s">
        <v>3751</v>
      </c>
      <c r="E2021" s="9" t="s">
        <v>111</v>
      </c>
      <c r="F2021" s="11">
        <v>47422</v>
      </c>
    </row>
    <row r="2022" spans="1:6" ht="27.75" customHeight="1">
      <c r="A2022" s="14" t="s">
        <v>3851</v>
      </c>
      <c r="B2022" s="13" t="s">
        <v>3750</v>
      </c>
      <c r="C2022" s="10" t="s">
        <v>3735</v>
      </c>
      <c r="D2022" s="9" t="s">
        <v>3751</v>
      </c>
      <c r="E2022" s="9" t="s">
        <v>393</v>
      </c>
      <c r="F2022" s="11">
        <v>46295</v>
      </c>
    </row>
    <row r="2023" spans="1:6" ht="27.75" customHeight="1">
      <c r="A2023" s="12" t="s">
        <v>3852</v>
      </c>
      <c r="B2023" s="13" t="s">
        <v>3750</v>
      </c>
      <c r="C2023" s="10" t="s">
        <v>3735</v>
      </c>
      <c r="D2023" s="13" t="s">
        <v>3751</v>
      </c>
      <c r="E2023" s="13" t="s">
        <v>393</v>
      </c>
      <c r="F2023" s="11">
        <v>47422</v>
      </c>
    </row>
    <row r="2024" spans="1:6" s="31" customFormat="1" ht="27.75" customHeight="1">
      <c r="A2024" s="17" t="s">
        <v>3853</v>
      </c>
      <c r="B2024" s="13" t="s">
        <v>3750</v>
      </c>
      <c r="C2024" s="10" t="s">
        <v>3735</v>
      </c>
      <c r="D2024" s="9" t="s">
        <v>3751</v>
      </c>
      <c r="E2024" s="9" t="s">
        <v>17</v>
      </c>
      <c r="F2024" s="11">
        <v>46996</v>
      </c>
    </row>
    <row r="2025" spans="1:6" ht="27.75" customHeight="1">
      <c r="A2025" s="12" t="s">
        <v>3854</v>
      </c>
      <c r="B2025" s="13" t="s">
        <v>3750</v>
      </c>
      <c r="C2025" s="10" t="s">
        <v>3735</v>
      </c>
      <c r="D2025" s="13" t="s">
        <v>3751</v>
      </c>
      <c r="E2025" s="13" t="s">
        <v>253</v>
      </c>
      <c r="F2025" s="11">
        <v>47938</v>
      </c>
    </row>
    <row r="2026" spans="1:6" ht="27.75" customHeight="1">
      <c r="A2026" s="12" t="s">
        <v>3855</v>
      </c>
      <c r="B2026" s="9" t="s">
        <v>3750</v>
      </c>
      <c r="C2026" s="10" t="s">
        <v>3735</v>
      </c>
      <c r="D2026" s="9" t="s">
        <v>3751</v>
      </c>
      <c r="E2026" s="9" t="s">
        <v>115</v>
      </c>
      <c r="F2026" s="11">
        <v>46904</v>
      </c>
    </row>
    <row r="2027" spans="1:6" ht="27.75" customHeight="1">
      <c r="A2027" s="23" t="s">
        <v>3856</v>
      </c>
      <c r="B2027" s="13" t="s">
        <v>3750</v>
      </c>
      <c r="C2027" s="10" t="s">
        <v>3735</v>
      </c>
      <c r="D2027" s="9" t="s">
        <v>3751</v>
      </c>
      <c r="E2027" s="24" t="s">
        <v>3857</v>
      </c>
      <c r="F2027" s="11">
        <v>46203</v>
      </c>
    </row>
    <row r="2028" spans="1:6" ht="27.75" customHeight="1">
      <c r="A2028" s="14" t="s">
        <v>3858</v>
      </c>
      <c r="B2028" s="9" t="s">
        <v>3750</v>
      </c>
      <c r="C2028" s="10" t="s">
        <v>3735</v>
      </c>
      <c r="D2028" s="9" t="s">
        <v>3751</v>
      </c>
      <c r="E2028" s="9" t="s">
        <v>40</v>
      </c>
      <c r="F2028" s="11">
        <v>47422</v>
      </c>
    </row>
    <row r="2029" spans="1:6" ht="27.75" customHeight="1">
      <c r="A2029" s="14" t="s">
        <v>3859</v>
      </c>
      <c r="B2029" s="13" t="s">
        <v>3750</v>
      </c>
      <c r="C2029" s="10" t="s">
        <v>3735</v>
      </c>
      <c r="D2029" s="9" t="s">
        <v>3751</v>
      </c>
      <c r="E2029" s="9" t="s">
        <v>3512</v>
      </c>
      <c r="F2029" s="11">
        <v>47422</v>
      </c>
    </row>
    <row r="2030" spans="1:6" ht="27.75" customHeight="1">
      <c r="A2030" s="23" t="s">
        <v>3860</v>
      </c>
      <c r="B2030" s="13" t="s">
        <v>3750</v>
      </c>
      <c r="C2030" s="10" t="s">
        <v>3735</v>
      </c>
      <c r="D2030" s="13" t="s">
        <v>3751</v>
      </c>
      <c r="E2030" s="24" t="s">
        <v>11</v>
      </c>
      <c r="F2030" s="11">
        <v>47269</v>
      </c>
    </row>
    <row r="2031" spans="1:6" ht="27.75" customHeight="1">
      <c r="A2031" s="12" t="s">
        <v>3861</v>
      </c>
      <c r="B2031" s="13" t="s">
        <v>3750</v>
      </c>
      <c r="C2031" s="10" t="s">
        <v>3735</v>
      </c>
      <c r="D2031" s="13" t="s">
        <v>3751</v>
      </c>
      <c r="E2031" s="13" t="s">
        <v>1085</v>
      </c>
      <c r="F2031" s="11">
        <v>47299</v>
      </c>
    </row>
    <row r="2032" spans="1:6" ht="27.75" customHeight="1">
      <c r="A2032" s="12" t="s">
        <v>3862</v>
      </c>
      <c r="B2032" s="13" t="s">
        <v>3750</v>
      </c>
      <c r="C2032" s="10" t="s">
        <v>3735</v>
      </c>
      <c r="D2032" s="13" t="s">
        <v>3751</v>
      </c>
      <c r="E2032" s="13" t="s">
        <v>196</v>
      </c>
      <c r="F2032" s="11">
        <v>47422</v>
      </c>
    </row>
    <row r="2033" spans="1:6" ht="27.75" customHeight="1">
      <c r="A2033" s="17" t="s">
        <v>3863</v>
      </c>
      <c r="B2033" s="13" t="s">
        <v>3750</v>
      </c>
      <c r="C2033" s="10" t="s">
        <v>3735</v>
      </c>
      <c r="D2033" s="9" t="s">
        <v>3751</v>
      </c>
      <c r="E2033" s="9" t="s">
        <v>44</v>
      </c>
      <c r="F2033" s="11">
        <v>46173</v>
      </c>
    </row>
    <row r="2034" spans="1:6" ht="27.75" customHeight="1">
      <c r="A2034" s="12" t="s">
        <v>3864</v>
      </c>
      <c r="B2034" s="13" t="s">
        <v>3750</v>
      </c>
      <c r="C2034" s="10" t="s">
        <v>3735</v>
      </c>
      <c r="D2034" s="13" t="s">
        <v>3751</v>
      </c>
      <c r="E2034" s="13" t="s">
        <v>196</v>
      </c>
      <c r="F2034" s="11">
        <v>46173</v>
      </c>
    </row>
    <row r="2035" spans="1:6" ht="27.75" customHeight="1">
      <c r="A2035" s="12" t="s">
        <v>3865</v>
      </c>
      <c r="B2035" s="13" t="s">
        <v>3750</v>
      </c>
      <c r="C2035" s="10" t="s">
        <v>3735</v>
      </c>
      <c r="D2035" s="13" t="s">
        <v>3751</v>
      </c>
      <c r="E2035" s="13" t="s">
        <v>393</v>
      </c>
      <c r="F2035" s="11">
        <v>46965</v>
      </c>
    </row>
    <row r="2036" spans="1:6" ht="27.75" customHeight="1">
      <c r="A2036" s="12" t="s">
        <v>3866</v>
      </c>
      <c r="B2036" s="13" t="s">
        <v>3750</v>
      </c>
      <c r="C2036" s="10" t="s">
        <v>3735</v>
      </c>
      <c r="D2036" s="13" t="s">
        <v>3751</v>
      </c>
      <c r="E2036" s="13" t="s">
        <v>40</v>
      </c>
      <c r="F2036" s="11">
        <v>47422</v>
      </c>
    </row>
    <row r="2037" spans="1:6" ht="27.75" customHeight="1">
      <c r="A2037" s="20" t="s">
        <v>3867</v>
      </c>
      <c r="B2037" s="13" t="s">
        <v>3750</v>
      </c>
      <c r="C2037" s="10" t="s">
        <v>3735</v>
      </c>
      <c r="D2037" s="9" t="s">
        <v>3751</v>
      </c>
      <c r="E2037" s="13" t="s">
        <v>3806</v>
      </c>
      <c r="F2037" s="11">
        <v>47299</v>
      </c>
    </row>
    <row r="2038" spans="1:6" ht="27.75" customHeight="1">
      <c r="A2038" s="14" t="s">
        <v>3868</v>
      </c>
      <c r="B2038" s="13" t="s">
        <v>3750</v>
      </c>
      <c r="C2038" s="10" t="s">
        <v>3735</v>
      </c>
      <c r="D2038" s="9" t="s">
        <v>3751</v>
      </c>
      <c r="E2038" s="9" t="s">
        <v>25</v>
      </c>
      <c r="F2038" s="11">
        <v>46142</v>
      </c>
    </row>
    <row r="2039" spans="1:6" ht="27.75" customHeight="1">
      <c r="A2039" s="12" t="s">
        <v>3869</v>
      </c>
      <c r="B2039" s="13" t="s">
        <v>3750</v>
      </c>
      <c r="C2039" s="10" t="s">
        <v>3735</v>
      </c>
      <c r="D2039" s="13" t="s">
        <v>3751</v>
      </c>
      <c r="E2039" s="13" t="s">
        <v>44</v>
      </c>
      <c r="F2039" s="11">
        <v>46203</v>
      </c>
    </row>
    <row r="2040" spans="1:6" ht="27.75" customHeight="1">
      <c r="A2040" s="14" t="s">
        <v>3870</v>
      </c>
      <c r="B2040" s="13" t="s">
        <v>3750</v>
      </c>
      <c r="C2040" s="10" t="s">
        <v>3735</v>
      </c>
      <c r="D2040" s="9" t="s">
        <v>3751</v>
      </c>
      <c r="E2040" s="9" t="s">
        <v>11</v>
      </c>
      <c r="F2040" s="11">
        <v>47422</v>
      </c>
    </row>
    <row r="2041" spans="1:6" ht="27.75" customHeight="1">
      <c r="A2041" s="14" t="s">
        <v>3871</v>
      </c>
      <c r="B2041" s="13" t="s">
        <v>3750</v>
      </c>
      <c r="C2041" s="10" t="s">
        <v>3735</v>
      </c>
      <c r="D2041" s="9" t="s">
        <v>3751</v>
      </c>
      <c r="E2041" s="9" t="s">
        <v>63</v>
      </c>
      <c r="F2041" s="11">
        <v>47422</v>
      </c>
    </row>
    <row r="2042" spans="1:6" ht="27.75" customHeight="1">
      <c r="A2042" s="8" t="s">
        <v>3872</v>
      </c>
      <c r="B2042" s="9" t="s">
        <v>3750</v>
      </c>
      <c r="C2042" s="10" t="s">
        <v>3735</v>
      </c>
      <c r="D2042" s="9" t="s">
        <v>3751</v>
      </c>
      <c r="E2042" s="9" t="s">
        <v>3512</v>
      </c>
      <c r="F2042" s="35">
        <v>47422</v>
      </c>
    </row>
    <row r="2043" spans="1:6" ht="27.75" customHeight="1">
      <c r="A2043" s="17" t="s">
        <v>3873</v>
      </c>
      <c r="B2043" s="9" t="s">
        <v>3750</v>
      </c>
      <c r="C2043" s="10" t="s">
        <v>3735</v>
      </c>
      <c r="D2043" s="9" t="s">
        <v>3751</v>
      </c>
      <c r="E2043" s="9" t="s">
        <v>11</v>
      </c>
      <c r="F2043" s="11">
        <v>47422</v>
      </c>
    </row>
    <row r="2044" spans="1:6" ht="27.75" customHeight="1">
      <c r="A2044" s="15" t="s">
        <v>3874</v>
      </c>
      <c r="B2044" s="13" t="s">
        <v>3750</v>
      </c>
      <c r="C2044" s="10" t="s">
        <v>3735</v>
      </c>
      <c r="D2044" s="9" t="s">
        <v>3751</v>
      </c>
      <c r="E2044" s="13" t="s">
        <v>17</v>
      </c>
      <c r="F2044" s="11">
        <v>47422</v>
      </c>
    </row>
    <row r="2045" spans="1:6" ht="27.75" customHeight="1">
      <c r="A2045" s="8" t="s">
        <v>3875</v>
      </c>
      <c r="B2045" s="9" t="s">
        <v>3750</v>
      </c>
      <c r="C2045" s="10" t="s">
        <v>3735</v>
      </c>
      <c r="D2045" s="9" t="s">
        <v>3751</v>
      </c>
      <c r="E2045" s="9" t="s">
        <v>111</v>
      </c>
      <c r="F2045" s="35">
        <v>46203</v>
      </c>
    </row>
    <row r="2046" spans="1:6" ht="27.75" customHeight="1">
      <c r="A2046" s="12" t="s">
        <v>3876</v>
      </c>
      <c r="B2046" s="13" t="s">
        <v>3750</v>
      </c>
      <c r="C2046" s="10" t="s">
        <v>3735</v>
      </c>
      <c r="D2046" s="13" t="s">
        <v>3751</v>
      </c>
      <c r="E2046" s="13" t="s">
        <v>3857</v>
      </c>
      <c r="F2046" s="11">
        <v>46446</v>
      </c>
    </row>
    <row r="2047" spans="1:6" ht="27.75" customHeight="1">
      <c r="A2047" s="12" t="s">
        <v>3877</v>
      </c>
      <c r="B2047" s="13" t="s">
        <v>3750</v>
      </c>
      <c r="C2047" s="10" t="s">
        <v>3735</v>
      </c>
      <c r="D2047" s="13" t="s">
        <v>3751</v>
      </c>
      <c r="E2047" s="13" t="s">
        <v>11</v>
      </c>
      <c r="F2047" s="11">
        <v>47514</v>
      </c>
    </row>
    <row r="2048" spans="1:6" ht="27.75" customHeight="1">
      <c r="A2048" s="12" t="s">
        <v>3878</v>
      </c>
      <c r="B2048" s="13" t="s">
        <v>3750</v>
      </c>
      <c r="C2048" s="10" t="s">
        <v>3735</v>
      </c>
      <c r="D2048" s="13" t="s">
        <v>3751</v>
      </c>
      <c r="E2048" s="18" t="s">
        <v>3753</v>
      </c>
      <c r="F2048" s="19">
        <v>47422</v>
      </c>
    </row>
    <row r="2049" spans="1:6" ht="27.75" customHeight="1">
      <c r="A2049" s="14" t="s">
        <v>3879</v>
      </c>
      <c r="B2049" s="13" t="s">
        <v>3750</v>
      </c>
      <c r="C2049" s="10" t="s">
        <v>3735</v>
      </c>
      <c r="D2049" s="9" t="s">
        <v>3751</v>
      </c>
      <c r="E2049" s="9" t="s">
        <v>25</v>
      </c>
      <c r="F2049" s="11">
        <v>47208</v>
      </c>
    </row>
    <row r="2050" spans="1:6" s="31" customFormat="1" ht="27.75" customHeight="1">
      <c r="A2050" s="14" t="s">
        <v>3880</v>
      </c>
      <c r="B2050" s="9" t="s">
        <v>3750</v>
      </c>
      <c r="C2050" s="10" t="s">
        <v>3735</v>
      </c>
      <c r="D2050" s="9" t="s">
        <v>3751</v>
      </c>
      <c r="E2050" s="9" t="s">
        <v>3512</v>
      </c>
      <c r="F2050" s="11">
        <v>47422</v>
      </c>
    </row>
    <row r="2051" spans="1:6" ht="27.75" customHeight="1">
      <c r="A2051" s="8" t="s">
        <v>3881</v>
      </c>
      <c r="B2051" s="9" t="s">
        <v>3750</v>
      </c>
      <c r="C2051" s="10" t="s">
        <v>3735</v>
      </c>
      <c r="D2051" s="9" t="s">
        <v>3751</v>
      </c>
      <c r="E2051" s="9" t="s">
        <v>25</v>
      </c>
      <c r="F2051" s="35">
        <v>47391</v>
      </c>
    </row>
    <row r="2052" spans="1:6" ht="27.75" customHeight="1">
      <c r="A2052" s="17" t="s">
        <v>3882</v>
      </c>
      <c r="B2052" s="9" t="s">
        <v>3750</v>
      </c>
      <c r="C2052" s="10" t="s">
        <v>3735</v>
      </c>
      <c r="D2052" s="9" t="s">
        <v>3751</v>
      </c>
      <c r="E2052" s="9" t="s">
        <v>393</v>
      </c>
      <c r="F2052" s="11">
        <v>46295</v>
      </c>
    </row>
    <row r="2053" spans="1:6" ht="27.75" customHeight="1">
      <c r="A2053" s="15" t="s">
        <v>3883</v>
      </c>
      <c r="B2053" s="9" t="s">
        <v>3750</v>
      </c>
      <c r="C2053" s="10" t="s">
        <v>3735</v>
      </c>
      <c r="D2053" s="9" t="s">
        <v>3751</v>
      </c>
      <c r="E2053" s="13" t="s">
        <v>3884</v>
      </c>
      <c r="F2053" s="11">
        <v>46538</v>
      </c>
    </row>
    <row r="2054" spans="1:6" ht="27.75" customHeight="1">
      <c r="A2054" s="12" t="s">
        <v>3885</v>
      </c>
      <c r="B2054" s="13" t="s">
        <v>3750</v>
      </c>
      <c r="C2054" s="10" t="s">
        <v>3735</v>
      </c>
      <c r="D2054" s="13" t="s">
        <v>3751</v>
      </c>
      <c r="E2054" s="13" t="s">
        <v>393</v>
      </c>
      <c r="F2054" s="11">
        <v>46873</v>
      </c>
    </row>
    <row r="2055" spans="1:6" ht="27.75" customHeight="1">
      <c r="A2055" s="8" t="s">
        <v>3886</v>
      </c>
      <c r="B2055" s="13" t="s">
        <v>3750</v>
      </c>
      <c r="C2055" s="10" t="s">
        <v>3735</v>
      </c>
      <c r="D2055" s="13" t="s">
        <v>3751</v>
      </c>
      <c r="E2055" s="13" t="s">
        <v>11</v>
      </c>
      <c r="F2055" s="11">
        <v>47422</v>
      </c>
    </row>
    <row r="2056" spans="1:6" ht="27.75" customHeight="1">
      <c r="A2056" s="15" t="s">
        <v>3887</v>
      </c>
      <c r="B2056" s="9" t="s">
        <v>3750</v>
      </c>
      <c r="C2056" s="10" t="s">
        <v>3735</v>
      </c>
      <c r="D2056" s="9" t="s">
        <v>3751</v>
      </c>
      <c r="E2056" s="13" t="s">
        <v>196</v>
      </c>
      <c r="F2056" s="11">
        <v>47422</v>
      </c>
    </row>
    <row r="2057" spans="1:6" ht="27.75" customHeight="1">
      <c r="A2057" s="14" t="s">
        <v>3888</v>
      </c>
      <c r="B2057" s="9" t="s">
        <v>3750</v>
      </c>
      <c r="C2057" s="10" t="s">
        <v>3735</v>
      </c>
      <c r="D2057" s="9" t="s">
        <v>3751</v>
      </c>
      <c r="E2057" s="9" t="s">
        <v>3753</v>
      </c>
      <c r="F2057" s="11">
        <v>47422</v>
      </c>
    </row>
    <row r="2058" spans="1:6" ht="27.75" customHeight="1">
      <c r="A2058" s="12" t="s">
        <v>3889</v>
      </c>
      <c r="B2058" s="9" t="s">
        <v>3750</v>
      </c>
      <c r="C2058" s="10" t="s">
        <v>3735</v>
      </c>
      <c r="D2058" s="13" t="s">
        <v>3751</v>
      </c>
      <c r="E2058" s="13" t="s">
        <v>3890</v>
      </c>
      <c r="F2058" s="11">
        <v>47573</v>
      </c>
    </row>
    <row r="2059" spans="1:6" ht="27.75" customHeight="1">
      <c r="A2059" s="17" t="s">
        <v>3891</v>
      </c>
      <c r="B2059" s="9" t="s">
        <v>3750</v>
      </c>
      <c r="C2059" s="10" t="s">
        <v>3735</v>
      </c>
      <c r="D2059" s="9" t="s">
        <v>3751</v>
      </c>
      <c r="E2059" s="9" t="s">
        <v>40</v>
      </c>
      <c r="F2059" s="11">
        <v>46203</v>
      </c>
    </row>
    <row r="2060" spans="1:6" ht="27.75" customHeight="1">
      <c r="A2060" s="20" t="s">
        <v>3892</v>
      </c>
      <c r="B2060" s="9" t="s">
        <v>3750</v>
      </c>
      <c r="C2060" s="10" t="s">
        <v>3735</v>
      </c>
      <c r="D2060" s="13" t="s">
        <v>3751</v>
      </c>
      <c r="E2060" s="13" t="s">
        <v>11</v>
      </c>
      <c r="F2060" s="11">
        <v>47299</v>
      </c>
    </row>
    <row r="2061" spans="1:6" ht="27.75" customHeight="1">
      <c r="A2061" s="12" t="s">
        <v>3893</v>
      </c>
      <c r="B2061" s="9" t="s">
        <v>3750</v>
      </c>
      <c r="C2061" s="10" t="s">
        <v>3735</v>
      </c>
      <c r="D2061" s="13" t="s">
        <v>3751</v>
      </c>
      <c r="E2061" s="13" t="s">
        <v>11</v>
      </c>
      <c r="F2061" s="11">
        <v>47695</v>
      </c>
    </row>
    <row r="2062" spans="1:6" ht="27.75" customHeight="1">
      <c r="A2062" s="15" t="s">
        <v>3894</v>
      </c>
      <c r="B2062" s="9" t="s">
        <v>3750</v>
      </c>
      <c r="C2062" s="10" t="s">
        <v>3735</v>
      </c>
      <c r="D2062" s="9" t="s">
        <v>3751</v>
      </c>
      <c r="E2062" s="13" t="s">
        <v>25</v>
      </c>
      <c r="F2062" s="11">
        <v>47422</v>
      </c>
    </row>
    <row r="2063" spans="1:6" ht="27.75" customHeight="1">
      <c r="A2063" s="20" t="s">
        <v>3895</v>
      </c>
      <c r="B2063" s="9" t="s">
        <v>3750</v>
      </c>
      <c r="C2063" s="10" t="s">
        <v>3735</v>
      </c>
      <c r="D2063" s="13" t="s">
        <v>3751</v>
      </c>
      <c r="E2063" s="13" t="s">
        <v>21</v>
      </c>
      <c r="F2063" s="11">
        <v>47422</v>
      </c>
    </row>
    <row r="2064" spans="1:6" ht="27.75" customHeight="1">
      <c r="A2064" s="15" t="s">
        <v>3896</v>
      </c>
      <c r="B2064" s="9" t="s">
        <v>3750</v>
      </c>
      <c r="C2064" s="10" t="s">
        <v>3735</v>
      </c>
      <c r="D2064" s="13" t="s">
        <v>3751</v>
      </c>
      <c r="E2064" s="13" t="s">
        <v>393</v>
      </c>
      <c r="F2064" s="11">
        <v>47422</v>
      </c>
    </row>
    <row r="2065" spans="1:6" ht="27.75" customHeight="1">
      <c r="A2065" s="15" t="s">
        <v>3897</v>
      </c>
      <c r="B2065" s="9" t="s">
        <v>3750</v>
      </c>
      <c r="C2065" s="10" t="s">
        <v>3735</v>
      </c>
      <c r="D2065" s="9" t="s">
        <v>3751</v>
      </c>
      <c r="E2065" s="13" t="s">
        <v>393</v>
      </c>
      <c r="F2065" s="11">
        <v>47422</v>
      </c>
    </row>
    <row r="2066" spans="1:6" ht="27.75" customHeight="1">
      <c r="A2066" s="17" t="s">
        <v>3898</v>
      </c>
      <c r="B2066" s="9" t="s">
        <v>3750</v>
      </c>
      <c r="C2066" s="10" t="s">
        <v>3735</v>
      </c>
      <c r="D2066" s="9" t="s">
        <v>3751</v>
      </c>
      <c r="E2066" s="9" t="s">
        <v>132</v>
      </c>
      <c r="F2066" s="11">
        <v>46142</v>
      </c>
    </row>
    <row r="2067" spans="1:6" ht="27.75" customHeight="1">
      <c r="A2067" s="15" t="s">
        <v>3899</v>
      </c>
      <c r="B2067" s="13" t="s">
        <v>3750</v>
      </c>
      <c r="C2067" s="10" t="s">
        <v>3735</v>
      </c>
      <c r="D2067" s="9" t="s">
        <v>3751</v>
      </c>
      <c r="E2067" s="13" t="s">
        <v>11</v>
      </c>
      <c r="F2067" s="11">
        <v>46783</v>
      </c>
    </row>
    <row r="2068" spans="1:6" ht="27.75" customHeight="1">
      <c r="A2068" s="12" t="s">
        <v>3900</v>
      </c>
      <c r="B2068" s="13" t="s">
        <v>3750</v>
      </c>
      <c r="C2068" s="10" t="s">
        <v>3735</v>
      </c>
      <c r="D2068" s="13" t="s">
        <v>3751</v>
      </c>
      <c r="E2068" s="13" t="s">
        <v>44</v>
      </c>
      <c r="F2068" s="11">
        <v>47422</v>
      </c>
    </row>
    <row r="2069" spans="1:6" ht="27.75" customHeight="1">
      <c r="A2069" s="12" t="s">
        <v>3901</v>
      </c>
      <c r="B2069" s="13" t="s">
        <v>3750</v>
      </c>
      <c r="C2069" s="10" t="s">
        <v>3735</v>
      </c>
      <c r="D2069" s="13" t="s">
        <v>3751</v>
      </c>
      <c r="E2069" s="13" t="s">
        <v>17</v>
      </c>
      <c r="F2069" s="11">
        <v>47330</v>
      </c>
    </row>
    <row r="2070" spans="1:6" ht="27.75" customHeight="1">
      <c r="A2070" s="20" t="s">
        <v>3902</v>
      </c>
      <c r="B2070" s="9" t="s">
        <v>3750</v>
      </c>
      <c r="C2070" s="10" t="s">
        <v>3735</v>
      </c>
      <c r="D2070" s="13" t="s">
        <v>3751</v>
      </c>
      <c r="E2070" s="13" t="s">
        <v>17</v>
      </c>
      <c r="F2070" s="11">
        <v>47422</v>
      </c>
    </row>
    <row r="2071" spans="1:6" ht="27.75" customHeight="1">
      <c r="A2071" s="12" t="s">
        <v>3903</v>
      </c>
      <c r="B2071" s="18" t="s">
        <v>3750</v>
      </c>
      <c r="C2071" s="10" t="s">
        <v>3735</v>
      </c>
      <c r="D2071" s="18" t="s">
        <v>3751</v>
      </c>
      <c r="E2071" s="18" t="s">
        <v>3512</v>
      </c>
      <c r="F2071" s="19">
        <v>47422</v>
      </c>
    </row>
    <row r="2072" spans="1:6" ht="27.75" customHeight="1">
      <c r="A2072" s="20" t="s">
        <v>3904</v>
      </c>
      <c r="B2072" s="9" t="s">
        <v>3750</v>
      </c>
      <c r="C2072" s="10" t="s">
        <v>3735</v>
      </c>
      <c r="D2072" s="13" t="s">
        <v>3751</v>
      </c>
      <c r="E2072" s="13" t="s">
        <v>111</v>
      </c>
      <c r="F2072" s="11">
        <v>46538</v>
      </c>
    </row>
    <row r="2073" spans="1:6" ht="27.75" customHeight="1">
      <c r="A2073" s="15" t="s">
        <v>3905</v>
      </c>
      <c r="B2073" s="9" t="s">
        <v>3750</v>
      </c>
      <c r="C2073" s="10" t="s">
        <v>3735</v>
      </c>
      <c r="D2073" s="9" t="s">
        <v>3751</v>
      </c>
      <c r="E2073" s="13" t="s">
        <v>40</v>
      </c>
      <c r="F2073" s="11">
        <v>46356</v>
      </c>
    </row>
    <row r="2074" spans="1:6" ht="27.75" customHeight="1">
      <c r="A2074" s="15" t="s">
        <v>3906</v>
      </c>
      <c r="B2074" s="9" t="s">
        <v>3750</v>
      </c>
      <c r="C2074" s="10" t="s">
        <v>3735</v>
      </c>
      <c r="D2074" s="9" t="s">
        <v>3751</v>
      </c>
      <c r="E2074" s="13" t="s">
        <v>40</v>
      </c>
      <c r="F2074" s="11">
        <v>47422</v>
      </c>
    </row>
    <row r="2075" spans="1:6" ht="27.75" customHeight="1">
      <c r="A2075" s="12" t="s">
        <v>3907</v>
      </c>
      <c r="B2075" s="13" t="s">
        <v>3750</v>
      </c>
      <c r="C2075" s="10" t="s">
        <v>3735</v>
      </c>
      <c r="D2075" s="13" t="s">
        <v>3751</v>
      </c>
      <c r="E2075" s="13" t="s">
        <v>497</v>
      </c>
      <c r="F2075" s="11">
        <v>47664</v>
      </c>
    </row>
    <row r="2076" spans="1:6" ht="27.75" customHeight="1">
      <c r="A2076" s="12" t="s">
        <v>3908</v>
      </c>
      <c r="B2076" s="13" t="s">
        <v>3750</v>
      </c>
      <c r="C2076" s="10" t="s">
        <v>3735</v>
      </c>
      <c r="D2076" s="13" t="s">
        <v>3751</v>
      </c>
      <c r="E2076" s="13" t="s">
        <v>17</v>
      </c>
      <c r="F2076" s="11">
        <v>47026</v>
      </c>
    </row>
    <row r="2077" spans="1:6" ht="27.75" customHeight="1">
      <c r="A2077" s="12" t="s">
        <v>3909</v>
      </c>
      <c r="B2077" s="13" t="s">
        <v>3750</v>
      </c>
      <c r="C2077" s="10" t="s">
        <v>3735</v>
      </c>
      <c r="D2077" s="13" t="s">
        <v>3751</v>
      </c>
      <c r="E2077" s="13" t="s">
        <v>196</v>
      </c>
      <c r="F2077" s="11">
        <v>47208</v>
      </c>
    </row>
    <row r="2078" spans="1:6" ht="27.75" customHeight="1">
      <c r="A2078" s="20" t="s">
        <v>3910</v>
      </c>
      <c r="B2078" s="9" t="s">
        <v>3911</v>
      </c>
      <c r="C2078" s="10" t="s">
        <v>3735</v>
      </c>
      <c r="D2078" s="13" t="s">
        <v>3751</v>
      </c>
      <c r="E2078" s="13" t="s">
        <v>11</v>
      </c>
      <c r="F2078" s="11">
        <v>46812</v>
      </c>
    </row>
    <row r="2079" spans="1:6" ht="27.75" customHeight="1">
      <c r="A2079" s="15" t="s">
        <v>3912</v>
      </c>
      <c r="B2079" s="9" t="s">
        <v>3913</v>
      </c>
      <c r="C2079" s="10" t="s">
        <v>3735</v>
      </c>
      <c r="D2079" s="9" t="s">
        <v>3914</v>
      </c>
      <c r="E2079" s="13" t="s">
        <v>40</v>
      </c>
      <c r="F2079" s="11">
        <v>47422</v>
      </c>
    </row>
    <row r="2080" spans="1:6" ht="27.75" customHeight="1">
      <c r="A2080" s="15" t="s">
        <v>3915</v>
      </c>
      <c r="B2080" s="9" t="s">
        <v>3916</v>
      </c>
      <c r="C2080" s="10" t="s">
        <v>3735</v>
      </c>
      <c r="D2080" s="9" t="s">
        <v>3917</v>
      </c>
      <c r="E2080" s="13" t="s">
        <v>69</v>
      </c>
      <c r="F2080" s="11">
        <v>47299</v>
      </c>
    </row>
    <row r="2081" spans="1:6" ht="27.75" customHeight="1">
      <c r="A2081" s="14" t="s">
        <v>3918</v>
      </c>
      <c r="B2081" s="9" t="s">
        <v>3919</v>
      </c>
      <c r="C2081" s="10" t="s">
        <v>3735</v>
      </c>
      <c r="D2081" s="9" t="s">
        <v>3920</v>
      </c>
      <c r="E2081" s="9" t="s">
        <v>21</v>
      </c>
      <c r="F2081" s="11">
        <v>47026</v>
      </c>
    </row>
    <row r="2082" spans="1:6" ht="27.75" customHeight="1">
      <c r="A2082" s="14" t="s">
        <v>3921</v>
      </c>
      <c r="B2082" s="9" t="s">
        <v>3922</v>
      </c>
      <c r="C2082" s="10" t="s">
        <v>3735</v>
      </c>
      <c r="D2082" s="9" t="s">
        <v>3923</v>
      </c>
      <c r="E2082" s="9" t="s">
        <v>524</v>
      </c>
      <c r="F2082" s="11">
        <v>47483</v>
      </c>
    </row>
    <row r="2083" spans="1:6" ht="27.75" customHeight="1">
      <c r="A2083" s="12" t="s">
        <v>3924</v>
      </c>
      <c r="B2083" s="13" t="s">
        <v>3925</v>
      </c>
      <c r="C2083" s="10" t="s">
        <v>3735</v>
      </c>
      <c r="D2083" s="13" t="s">
        <v>3926</v>
      </c>
      <c r="E2083" s="13" t="s">
        <v>3927</v>
      </c>
      <c r="F2083" s="11">
        <v>47422</v>
      </c>
    </row>
    <row r="2084" spans="1:6" ht="27.75" customHeight="1">
      <c r="A2084" s="12" t="s">
        <v>3928</v>
      </c>
      <c r="B2084" s="13" t="s">
        <v>3925</v>
      </c>
      <c r="C2084" s="10" t="s">
        <v>3735</v>
      </c>
      <c r="D2084" s="13" t="s">
        <v>3926</v>
      </c>
      <c r="E2084" s="13" t="s">
        <v>69</v>
      </c>
      <c r="F2084" s="11">
        <v>47634</v>
      </c>
    </row>
    <row r="2085" spans="1:6" ht="27.75" customHeight="1">
      <c r="A2085" s="12" t="s">
        <v>3929</v>
      </c>
      <c r="B2085" s="13" t="s">
        <v>3930</v>
      </c>
      <c r="C2085" s="10" t="s">
        <v>3735</v>
      </c>
      <c r="D2085" s="13" t="s">
        <v>3931</v>
      </c>
      <c r="E2085" s="13" t="s">
        <v>25</v>
      </c>
      <c r="F2085" s="11">
        <v>47603</v>
      </c>
    </row>
    <row r="2086" spans="1:6" ht="27.75" customHeight="1">
      <c r="A2086" s="17" t="s">
        <v>3932</v>
      </c>
      <c r="B2086" s="9" t="s">
        <v>3933</v>
      </c>
      <c r="C2086" s="10" t="s">
        <v>3735</v>
      </c>
      <c r="D2086" s="9" t="s">
        <v>3934</v>
      </c>
      <c r="E2086" s="9" t="s">
        <v>17</v>
      </c>
      <c r="F2086" s="11">
        <v>47452</v>
      </c>
    </row>
    <row r="2087" spans="1:6" ht="27.75" customHeight="1">
      <c r="A2087" s="15" t="s">
        <v>3935</v>
      </c>
      <c r="B2087" s="9" t="s">
        <v>3936</v>
      </c>
      <c r="C2087" s="10" t="s">
        <v>3735</v>
      </c>
      <c r="D2087" s="9" t="s">
        <v>3937</v>
      </c>
      <c r="E2087" s="13" t="s">
        <v>524</v>
      </c>
      <c r="F2087" s="11">
        <v>46173</v>
      </c>
    </row>
    <row r="2088" spans="1:6" ht="27.75" customHeight="1">
      <c r="A2088" s="12" t="s">
        <v>3938</v>
      </c>
      <c r="B2088" s="18" t="s">
        <v>3936</v>
      </c>
      <c r="C2088" s="10" t="s">
        <v>3735</v>
      </c>
      <c r="D2088" s="18" t="s">
        <v>3937</v>
      </c>
      <c r="E2088" s="18" t="s">
        <v>21</v>
      </c>
      <c r="F2088" s="19">
        <v>47999</v>
      </c>
    </row>
    <row r="2089" spans="1:6" ht="27.75" customHeight="1">
      <c r="A2089" s="12" t="s">
        <v>3939</v>
      </c>
      <c r="B2089" s="13" t="s">
        <v>3936</v>
      </c>
      <c r="C2089" s="10" t="s">
        <v>3735</v>
      </c>
      <c r="D2089" s="13" t="s">
        <v>3937</v>
      </c>
      <c r="E2089" s="13" t="s">
        <v>21</v>
      </c>
      <c r="F2089" s="11">
        <v>46203</v>
      </c>
    </row>
    <row r="2090" spans="1:6" ht="27.75" customHeight="1">
      <c r="A2090" s="14" t="s">
        <v>3940</v>
      </c>
      <c r="B2090" s="9" t="s">
        <v>3936</v>
      </c>
      <c r="C2090" s="10" t="s">
        <v>3735</v>
      </c>
      <c r="D2090" s="9" t="s">
        <v>3937</v>
      </c>
      <c r="E2090" s="9" t="s">
        <v>253</v>
      </c>
      <c r="F2090" s="11">
        <v>47118</v>
      </c>
    </row>
    <row r="2091" spans="1:6" ht="27.75" customHeight="1">
      <c r="A2091" s="15" t="s">
        <v>3941</v>
      </c>
      <c r="B2091" s="9" t="s">
        <v>3936</v>
      </c>
      <c r="C2091" s="10" t="s">
        <v>3735</v>
      </c>
      <c r="D2091" s="9" t="s">
        <v>3937</v>
      </c>
      <c r="E2091" s="13" t="s">
        <v>228</v>
      </c>
      <c r="F2091" s="11">
        <v>46996</v>
      </c>
    </row>
    <row r="2092" spans="1:6" ht="27.75" customHeight="1">
      <c r="A2092" s="12" t="s">
        <v>3942</v>
      </c>
      <c r="B2092" s="18" t="s">
        <v>3943</v>
      </c>
      <c r="C2092" s="10" t="s">
        <v>3735</v>
      </c>
      <c r="D2092" s="18" t="s">
        <v>3944</v>
      </c>
      <c r="E2092" s="18" t="s">
        <v>497</v>
      </c>
      <c r="F2092" s="19">
        <v>47573</v>
      </c>
    </row>
    <row r="2093" spans="1:6" ht="27.75" customHeight="1">
      <c r="A2093" s="8" t="s">
        <v>3945</v>
      </c>
      <c r="B2093" s="9" t="s">
        <v>3946</v>
      </c>
      <c r="C2093" s="10" t="s">
        <v>3735</v>
      </c>
      <c r="D2093" s="9" t="s">
        <v>3947</v>
      </c>
      <c r="E2093" s="9" t="s">
        <v>142</v>
      </c>
      <c r="F2093" s="11">
        <v>46418</v>
      </c>
    </row>
    <row r="2094" spans="1:6" ht="27.75" customHeight="1">
      <c r="A2094" s="12" t="s">
        <v>3948</v>
      </c>
      <c r="B2094" s="13" t="s">
        <v>3949</v>
      </c>
      <c r="C2094" s="10" t="s">
        <v>3735</v>
      </c>
      <c r="D2094" s="13" t="s">
        <v>3950</v>
      </c>
      <c r="E2094" s="13" t="s">
        <v>11</v>
      </c>
      <c r="F2094" s="11">
        <v>47542</v>
      </c>
    </row>
    <row r="2095" spans="1:6" ht="27.75" customHeight="1">
      <c r="A2095" s="15" t="s">
        <v>3951</v>
      </c>
      <c r="B2095" s="9" t="s">
        <v>3952</v>
      </c>
      <c r="C2095" s="10" t="s">
        <v>3735</v>
      </c>
      <c r="D2095" s="9" t="s">
        <v>3953</v>
      </c>
      <c r="E2095" s="13" t="s">
        <v>502</v>
      </c>
      <c r="F2095" s="11">
        <v>47422</v>
      </c>
    </row>
    <row r="2096" spans="1:6" ht="27.75" customHeight="1">
      <c r="A2096" s="15" t="s">
        <v>3954</v>
      </c>
      <c r="B2096" s="9" t="s">
        <v>3955</v>
      </c>
      <c r="C2096" s="10" t="s">
        <v>3735</v>
      </c>
      <c r="D2096" s="9" t="s">
        <v>3956</v>
      </c>
      <c r="E2096" s="13" t="s">
        <v>21</v>
      </c>
      <c r="F2096" s="11">
        <v>47422</v>
      </c>
    </row>
    <row r="2097" spans="1:6" ht="27.75" customHeight="1">
      <c r="A2097" s="12" t="s">
        <v>3957</v>
      </c>
      <c r="B2097" s="9" t="s">
        <v>3955</v>
      </c>
      <c r="C2097" s="10" t="s">
        <v>3735</v>
      </c>
      <c r="D2097" s="13" t="s">
        <v>3956</v>
      </c>
      <c r="E2097" s="13" t="s">
        <v>21</v>
      </c>
      <c r="F2097" s="11">
        <v>47422</v>
      </c>
    </row>
    <row r="2098" spans="1:6" ht="27.75" customHeight="1">
      <c r="A2098" s="12" t="s">
        <v>3958</v>
      </c>
      <c r="B2098" s="13" t="s">
        <v>3959</v>
      </c>
      <c r="C2098" s="10" t="s">
        <v>3735</v>
      </c>
      <c r="D2098" s="13" t="s">
        <v>3960</v>
      </c>
      <c r="E2098" s="13" t="s">
        <v>21</v>
      </c>
      <c r="F2098" s="11">
        <v>47483</v>
      </c>
    </row>
    <row r="2099" spans="1:6" ht="27.75" customHeight="1">
      <c r="A2099" s="20" t="s">
        <v>3961</v>
      </c>
      <c r="B2099" s="9" t="s">
        <v>3962</v>
      </c>
      <c r="C2099" s="10" t="s">
        <v>3735</v>
      </c>
      <c r="D2099" s="13" t="s">
        <v>3963</v>
      </c>
      <c r="E2099" s="13" t="s">
        <v>3083</v>
      </c>
      <c r="F2099" s="11">
        <v>47422</v>
      </c>
    </row>
    <row r="2100" spans="1:6" ht="27.75" customHeight="1">
      <c r="A2100" s="15" t="s">
        <v>3964</v>
      </c>
      <c r="B2100" s="9" t="s">
        <v>3962</v>
      </c>
      <c r="C2100" s="10" t="s">
        <v>3735</v>
      </c>
      <c r="D2100" s="9" t="s">
        <v>3965</v>
      </c>
      <c r="E2100" s="13" t="s">
        <v>3966</v>
      </c>
      <c r="F2100" s="11">
        <v>47422</v>
      </c>
    </row>
    <row r="2101" spans="1:6" s="36" customFormat="1" ht="27.75" customHeight="1">
      <c r="A2101" s="20" t="s">
        <v>3967</v>
      </c>
      <c r="B2101" s="13" t="s">
        <v>3968</v>
      </c>
      <c r="C2101" s="10" t="s">
        <v>3735</v>
      </c>
      <c r="D2101" s="13" t="s">
        <v>3969</v>
      </c>
      <c r="E2101" s="13" t="s">
        <v>17</v>
      </c>
      <c r="F2101" s="11">
        <v>47634</v>
      </c>
    </row>
    <row r="2102" spans="1:6" s="36" customFormat="1" ht="27.75" customHeight="1">
      <c r="A2102" s="14" t="s">
        <v>3970</v>
      </c>
      <c r="B2102" s="9" t="s">
        <v>3971</v>
      </c>
      <c r="C2102" s="10" t="s">
        <v>3735</v>
      </c>
      <c r="D2102" s="9" t="s">
        <v>3972</v>
      </c>
      <c r="E2102" s="9" t="s">
        <v>25</v>
      </c>
      <c r="F2102" s="11">
        <v>47422</v>
      </c>
    </row>
    <row r="2103" spans="1:6" s="36" customFormat="1" ht="27.75" customHeight="1">
      <c r="A2103" s="20" t="s">
        <v>3973</v>
      </c>
      <c r="B2103" s="9" t="s">
        <v>3974</v>
      </c>
      <c r="C2103" s="10" t="s">
        <v>3735</v>
      </c>
      <c r="D2103" s="13" t="s">
        <v>3975</v>
      </c>
      <c r="E2103" s="13" t="s">
        <v>40</v>
      </c>
      <c r="F2103" s="11">
        <v>47422</v>
      </c>
    </row>
    <row r="2104" spans="1:6" s="36" customFormat="1" ht="27.75" customHeight="1">
      <c r="A2104" s="12" t="s">
        <v>3976</v>
      </c>
      <c r="B2104" s="13" t="s">
        <v>3974</v>
      </c>
      <c r="C2104" s="10" t="s">
        <v>3735</v>
      </c>
      <c r="D2104" s="13" t="s">
        <v>3975</v>
      </c>
      <c r="E2104" s="13" t="s">
        <v>17</v>
      </c>
      <c r="F2104" s="11">
        <v>47422</v>
      </c>
    </row>
    <row r="2105" spans="1:6" s="36" customFormat="1" ht="27.75" customHeight="1">
      <c r="A2105" s="17" t="s">
        <v>3977</v>
      </c>
      <c r="B2105" s="9" t="s">
        <v>3974</v>
      </c>
      <c r="C2105" s="10" t="s">
        <v>3735</v>
      </c>
      <c r="D2105" s="9" t="s">
        <v>3975</v>
      </c>
      <c r="E2105" s="9" t="s">
        <v>40</v>
      </c>
      <c r="F2105" s="11">
        <v>47695</v>
      </c>
    </row>
    <row r="2106" spans="1:6" s="36" customFormat="1" ht="27.75" customHeight="1">
      <c r="A2106" s="17" t="s">
        <v>3978</v>
      </c>
      <c r="B2106" s="9" t="s">
        <v>3974</v>
      </c>
      <c r="C2106" s="10" t="s">
        <v>3735</v>
      </c>
      <c r="D2106" s="9" t="s">
        <v>3975</v>
      </c>
      <c r="E2106" s="9" t="s">
        <v>40</v>
      </c>
      <c r="F2106" s="11">
        <v>47422</v>
      </c>
    </row>
    <row r="2107" spans="1:6" s="36" customFormat="1" ht="27.75" customHeight="1">
      <c r="A2107" s="20" t="s">
        <v>3979</v>
      </c>
      <c r="B2107" s="9" t="s">
        <v>3974</v>
      </c>
      <c r="C2107" s="10" t="s">
        <v>3735</v>
      </c>
      <c r="D2107" s="13" t="s">
        <v>3975</v>
      </c>
      <c r="E2107" s="13" t="s">
        <v>424</v>
      </c>
      <c r="F2107" s="11">
        <v>47634</v>
      </c>
    </row>
    <row r="2108" spans="1:6" s="36" customFormat="1" ht="27.75" customHeight="1">
      <c r="A2108" s="14" t="s">
        <v>3980</v>
      </c>
      <c r="B2108" s="9" t="s">
        <v>3974</v>
      </c>
      <c r="C2108" s="10" t="s">
        <v>3735</v>
      </c>
      <c r="D2108" s="9" t="s">
        <v>3975</v>
      </c>
      <c r="E2108" s="9" t="s">
        <v>44</v>
      </c>
      <c r="F2108" s="11">
        <v>47634</v>
      </c>
    </row>
    <row r="2109" spans="1:6" s="36" customFormat="1" ht="27.75" customHeight="1">
      <c r="A2109" s="12" t="s">
        <v>3981</v>
      </c>
      <c r="B2109" s="13" t="s">
        <v>3974</v>
      </c>
      <c r="C2109" s="10" t="s">
        <v>3735</v>
      </c>
      <c r="D2109" s="13" t="s">
        <v>3975</v>
      </c>
      <c r="E2109" s="13" t="s">
        <v>44</v>
      </c>
      <c r="F2109" s="11">
        <v>47422</v>
      </c>
    </row>
    <row r="2110" spans="1:6" s="36" customFormat="1" ht="27.75" customHeight="1">
      <c r="A2110" s="17" t="s">
        <v>3982</v>
      </c>
      <c r="B2110" s="9" t="s">
        <v>3974</v>
      </c>
      <c r="C2110" s="10" t="s">
        <v>3735</v>
      </c>
      <c r="D2110" s="9" t="s">
        <v>3975</v>
      </c>
      <c r="E2110" s="9" t="s">
        <v>25</v>
      </c>
      <c r="F2110" s="11">
        <v>47573</v>
      </c>
    </row>
    <row r="2111" spans="1:6" s="36" customFormat="1" ht="27.75" customHeight="1">
      <c r="A2111" s="12" t="s">
        <v>3983</v>
      </c>
      <c r="B2111" s="13" t="s">
        <v>3974</v>
      </c>
      <c r="C2111" s="10" t="s">
        <v>3735</v>
      </c>
      <c r="D2111" s="13" t="s">
        <v>3975</v>
      </c>
      <c r="E2111" s="13" t="s">
        <v>44</v>
      </c>
      <c r="F2111" s="11">
        <v>47452</v>
      </c>
    </row>
    <row r="2112" spans="1:6" s="36" customFormat="1" ht="27.75" customHeight="1">
      <c r="A2112" s="12" t="s">
        <v>3984</v>
      </c>
      <c r="B2112" s="13" t="s">
        <v>3974</v>
      </c>
      <c r="C2112" s="10" t="s">
        <v>3735</v>
      </c>
      <c r="D2112" s="13" t="s">
        <v>3975</v>
      </c>
      <c r="E2112" s="13" t="s">
        <v>3332</v>
      </c>
      <c r="F2112" s="11">
        <v>47634</v>
      </c>
    </row>
    <row r="2113" spans="1:6" s="36" customFormat="1" ht="27.75" customHeight="1">
      <c r="A2113" s="12" t="s">
        <v>3985</v>
      </c>
      <c r="B2113" s="13" t="s">
        <v>3974</v>
      </c>
      <c r="C2113" s="10" t="s">
        <v>3735</v>
      </c>
      <c r="D2113" s="13" t="s">
        <v>3975</v>
      </c>
      <c r="E2113" s="13" t="s">
        <v>3986</v>
      </c>
      <c r="F2113" s="11">
        <v>46660</v>
      </c>
    </row>
    <row r="2114" spans="1:6" s="36" customFormat="1" ht="27.75" customHeight="1">
      <c r="A2114" s="8" t="s">
        <v>3987</v>
      </c>
      <c r="B2114" s="9" t="s">
        <v>3974</v>
      </c>
      <c r="C2114" s="10" t="s">
        <v>3735</v>
      </c>
      <c r="D2114" s="9" t="s">
        <v>3975</v>
      </c>
      <c r="E2114" s="9" t="s">
        <v>326</v>
      </c>
      <c r="F2114" s="35">
        <v>47422</v>
      </c>
    </row>
    <row r="2115" spans="1:6" s="36" customFormat="1" ht="27.75" customHeight="1">
      <c r="A2115" s="14" t="s">
        <v>3988</v>
      </c>
      <c r="B2115" s="9" t="s">
        <v>3974</v>
      </c>
      <c r="C2115" s="10" t="s">
        <v>3735</v>
      </c>
      <c r="D2115" s="9" t="s">
        <v>3975</v>
      </c>
      <c r="E2115" s="9" t="s">
        <v>44</v>
      </c>
      <c r="F2115" s="11">
        <v>47269</v>
      </c>
    </row>
    <row r="2116" spans="1:6" s="36" customFormat="1" ht="27.75" customHeight="1">
      <c r="A2116" s="12" t="s">
        <v>3989</v>
      </c>
      <c r="B2116" s="13" t="s">
        <v>3974</v>
      </c>
      <c r="C2116" s="10" t="s">
        <v>3735</v>
      </c>
      <c r="D2116" s="13" t="s">
        <v>3975</v>
      </c>
      <c r="E2116" s="13" t="s">
        <v>1085</v>
      </c>
      <c r="F2116" s="11">
        <v>46812</v>
      </c>
    </row>
    <row r="2117" spans="1:6" s="36" customFormat="1" ht="27.75" customHeight="1">
      <c r="A2117" s="12" t="s">
        <v>3990</v>
      </c>
      <c r="B2117" s="13" t="s">
        <v>3974</v>
      </c>
      <c r="C2117" s="10" t="s">
        <v>3735</v>
      </c>
      <c r="D2117" s="13" t="s">
        <v>3975</v>
      </c>
      <c r="E2117" s="13" t="s">
        <v>253</v>
      </c>
      <c r="F2117" s="11">
        <v>47938</v>
      </c>
    </row>
    <row r="2118" spans="1:6" s="36" customFormat="1" ht="27.75" customHeight="1">
      <c r="A2118" s="17" t="s">
        <v>3991</v>
      </c>
      <c r="B2118" s="9" t="s">
        <v>3974</v>
      </c>
      <c r="C2118" s="10" t="s">
        <v>3735</v>
      </c>
      <c r="D2118" s="9" t="s">
        <v>3975</v>
      </c>
      <c r="E2118" s="9" t="s">
        <v>44</v>
      </c>
      <c r="F2118" s="11">
        <v>47208</v>
      </c>
    </row>
    <row r="2119" spans="1:6" s="36" customFormat="1" ht="27.75" customHeight="1">
      <c r="A2119" s="12" t="s">
        <v>3992</v>
      </c>
      <c r="B2119" s="13" t="s">
        <v>3974</v>
      </c>
      <c r="C2119" s="10" t="s">
        <v>3735</v>
      </c>
      <c r="D2119" s="13" t="s">
        <v>3975</v>
      </c>
      <c r="E2119" s="13" t="s">
        <v>44</v>
      </c>
      <c r="F2119" s="11">
        <v>47422</v>
      </c>
    </row>
    <row r="2120" spans="1:6" s="36" customFormat="1" ht="27.75" customHeight="1">
      <c r="A2120" s="17" t="s">
        <v>3993</v>
      </c>
      <c r="B2120" s="9" t="s">
        <v>3974</v>
      </c>
      <c r="C2120" s="10" t="s">
        <v>3735</v>
      </c>
      <c r="D2120" s="9" t="s">
        <v>3975</v>
      </c>
      <c r="E2120" s="9" t="s">
        <v>196</v>
      </c>
      <c r="F2120" s="11">
        <v>47422</v>
      </c>
    </row>
    <row r="2121" spans="1:6" s="36" customFormat="1" ht="27.75" customHeight="1">
      <c r="A2121" s="14" t="s">
        <v>3994</v>
      </c>
      <c r="B2121" s="9" t="s">
        <v>3974</v>
      </c>
      <c r="C2121" s="10" t="s">
        <v>3735</v>
      </c>
      <c r="D2121" s="9" t="s">
        <v>3975</v>
      </c>
      <c r="E2121" s="9" t="s">
        <v>44</v>
      </c>
      <c r="F2121" s="11">
        <v>46173</v>
      </c>
    </row>
    <row r="2122" spans="1:6" s="36" customFormat="1" ht="27.75" customHeight="1">
      <c r="A2122" s="8" t="s">
        <v>3995</v>
      </c>
      <c r="B2122" s="9" t="s">
        <v>3974</v>
      </c>
      <c r="C2122" s="10" t="s">
        <v>3735</v>
      </c>
      <c r="D2122" s="9" t="s">
        <v>3975</v>
      </c>
      <c r="E2122" s="9" t="s">
        <v>115</v>
      </c>
      <c r="F2122" s="35">
        <v>46783</v>
      </c>
    </row>
    <row r="2123" spans="1:6" s="36" customFormat="1" ht="27.75" customHeight="1">
      <c r="A2123" s="14" t="s">
        <v>3996</v>
      </c>
      <c r="B2123" s="9" t="s">
        <v>3974</v>
      </c>
      <c r="C2123" s="10" t="s">
        <v>3735</v>
      </c>
      <c r="D2123" s="9" t="s">
        <v>3975</v>
      </c>
      <c r="E2123" s="9" t="s">
        <v>424</v>
      </c>
      <c r="F2123" s="11">
        <v>46446</v>
      </c>
    </row>
    <row r="2124" spans="1:6" s="36" customFormat="1" ht="27.75" customHeight="1">
      <c r="A2124" s="12" t="s">
        <v>3997</v>
      </c>
      <c r="B2124" s="13" t="s">
        <v>3974</v>
      </c>
      <c r="C2124" s="10" t="s">
        <v>3735</v>
      </c>
      <c r="D2124" s="13" t="s">
        <v>3975</v>
      </c>
      <c r="E2124" s="13" t="s">
        <v>228</v>
      </c>
      <c r="F2124" s="11">
        <v>47422</v>
      </c>
    </row>
    <row r="2125" spans="1:6" s="36" customFormat="1" ht="27.75" customHeight="1">
      <c r="A2125" s="12" t="s">
        <v>3998</v>
      </c>
      <c r="B2125" s="13" t="s">
        <v>3974</v>
      </c>
      <c r="C2125" s="10" t="s">
        <v>3735</v>
      </c>
      <c r="D2125" s="13" t="s">
        <v>3975</v>
      </c>
      <c r="E2125" s="13" t="s">
        <v>828</v>
      </c>
      <c r="F2125" s="11">
        <v>47603</v>
      </c>
    </row>
    <row r="2126" spans="1:6" s="36" customFormat="1" ht="27.75" customHeight="1">
      <c r="A2126" s="12" t="s">
        <v>3999</v>
      </c>
      <c r="B2126" s="13" t="s">
        <v>3974</v>
      </c>
      <c r="C2126" s="10" t="s">
        <v>3735</v>
      </c>
      <c r="D2126" s="13" t="s">
        <v>3975</v>
      </c>
      <c r="E2126" s="13" t="s">
        <v>424</v>
      </c>
      <c r="F2126" s="11">
        <v>47603</v>
      </c>
    </row>
    <row r="2127" spans="1:6" s="36" customFormat="1" ht="27.75" customHeight="1">
      <c r="A2127" s="12" t="s">
        <v>4000</v>
      </c>
      <c r="B2127" s="18" t="s">
        <v>3974</v>
      </c>
      <c r="C2127" s="10" t="s">
        <v>3735</v>
      </c>
      <c r="D2127" s="18" t="s">
        <v>3975</v>
      </c>
      <c r="E2127" s="18" t="s">
        <v>393</v>
      </c>
      <c r="F2127" s="19">
        <v>46660</v>
      </c>
    </row>
    <row r="2128" spans="1:6" s="36" customFormat="1" ht="27.75" customHeight="1">
      <c r="A2128" s="12" t="s">
        <v>4001</v>
      </c>
      <c r="B2128" s="18" t="s">
        <v>3974</v>
      </c>
      <c r="C2128" s="10" t="s">
        <v>3735</v>
      </c>
      <c r="D2128" s="18" t="s">
        <v>3975</v>
      </c>
      <c r="E2128" s="18" t="s">
        <v>228</v>
      </c>
      <c r="F2128" s="19">
        <v>47422</v>
      </c>
    </row>
    <row r="2129" spans="1:6" s="36" customFormat="1" ht="27.75" customHeight="1">
      <c r="A2129" s="12" t="s">
        <v>4002</v>
      </c>
      <c r="B2129" s="13" t="s">
        <v>3974</v>
      </c>
      <c r="C2129" s="10" t="s">
        <v>3735</v>
      </c>
      <c r="D2129" s="13" t="s">
        <v>3975</v>
      </c>
      <c r="E2129" s="13" t="s">
        <v>497</v>
      </c>
      <c r="F2129" s="11">
        <v>46081</v>
      </c>
    </row>
    <row r="2130" spans="1:6" s="36" customFormat="1" ht="27.75" customHeight="1">
      <c r="A2130" s="14" t="s">
        <v>4003</v>
      </c>
      <c r="B2130" s="9" t="s">
        <v>3974</v>
      </c>
      <c r="C2130" s="10" t="s">
        <v>3735</v>
      </c>
      <c r="D2130" s="9" t="s">
        <v>3975</v>
      </c>
      <c r="E2130" s="9" t="s">
        <v>40</v>
      </c>
      <c r="F2130" s="11">
        <v>47422</v>
      </c>
    </row>
    <row r="2131" spans="1:6" s="36" customFormat="1" ht="27.75" customHeight="1">
      <c r="A2131" s="23" t="s">
        <v>4004</v>
      </c>
      <c r="B2131" s="9" t="s">
        <v>4005</v>
      </c>
      <c r="C2131" s="10" t="s">
        <v>3735</v>
      </c>
      <c r="D2131" s="9" t="s">
        <v>4006</v>
      </c>
      <c r="E2131" s="24" t="s">
        <v>17</v>
      </c>
      <c r="F2131" s="11">
        <v>47483</v>
      </c>
    </row>
    <row r="2132" spans="1:6" s="36" customFormat="1" ht="27.75" customHeight="1">
      <c r="A2132" s="12" t="s">
        <v>4007</v>
      </c>
      <c r="B2132" s="13" t="s">
        <v>4008</v>
      </c>
      <c r="C2132" s="10" t="s">
        <v>3735</v>
      </c>
      <c r="D2132" s="13" t="s">
        <v>4009</v>
      </c>
      <c r="E2132" s="13" t="s">
        <v>21</v>
      </c>
      <c r="F2132" s="11">
        <v>47756</v>
      </c>
    </row>
    <row r="2133" spans="1:6" s="36" customFormat="1" ht="27.75" customHeight="1">
      <c r="A2133" s="12" t="s">
        <v>4010</v>
      </c>
      <c r="B2133" s="9" t="s">
        <v>4011</v>
      </c>
      <c r="C2133" s="10" t="s">
        <v>3735</v>
      </c>
      <c r="D2133" s="9" t="s">
        <v>4012</v>
      </c>
      <c r="E2133" s="9" t="s">
        <v>828</v>
      </c>
      <c r="F2133" s="11">
        <v>47391</v>
      </c>
    </row>
    <row r="2134" spans="1:6" s="36" customFormat="1" ht="27.75" customHeight="1">
      <c r="A2134" s="23" t="s">
        <v>4013</v>
      </c>
      <c r="B2134" s="9" t="s">
        <v>4011</v>
      </c>
      <c r="C2134" s="10" t="s">
        <v>3735</v>
      </c>
      <c r="D2134" s="9" t="s">
        <v>4012</v>
      </c>
      <c r="E2134" s="24" t="s">
        <v>828</v>
      </c>
      <c r="F2134" s="11">
        <v>47238</v>
      </c>
    </row>
    <row r="2135" spans="1:6" s="36" customFormat="1" ht="27.75" customHeight="1">
      <c r="A2135" s="12" t="s">
        <v>4014</v>
      </c>
      <c r="B2135" s="13" t="s">
        <v>4011</v>
      </c>
      <c r="C2135" s="10" t="s">
        <v>3735</v>
      </c>
      <c r="D2135" s="13" t="s">
        <v>4012</v>
      </c>
      <c r="E2135" s="13" t="s">
        <v>4015</v>
      </c>
      <c r="F2135" s="11">
        <v>47238</v>
      </c>
    </row>
    <row r="2136" spans="1:6" s="36" customFormat="1" ht="27.75" customHeight="1">
      <c r="A2136" s="12" t="s">
        <v>4016</v>
      </c>
      <c r="B2136" s="13" t="s">
        <v>4011</v>
      </c>
      <c r="C2136" s="10" t="s">
        <v>3735</v>
      </c>
      <c r="D2136" s="13" t="s">
        <v>4012</v>
      </c>
      <c r="E2136" s="13" t="s">
        <v>115</v>
      </c>
      <c r="F2136" s="11">
        <v>46630</v>
      </c>
    </row>
    <row r="2137" spans="1:6" s="36" customFormat="1" ht="27.75" customHeight="1">
      <c r="A2137" s="12" t="s">
        <v>4017</v>
      </c>
      <c r="B2137" s="18" t="s">
        <v>4018</v>
      </c>
      <c r="C2137" s="10" t="s">
        <v>3735</v>
      </c>
      <c r="D2137" s="18" t="s">
        <v>4019</v>
      </c>
      <c r="E2137" s="18" t="s">
        <v>4020</v>
      </c>
      <c r="F2137" s="19">
        <v>46477</v>
      </c>
    </row>
    <row r="2138" spans="1:6" s="36" customFormat="1" ht="27.75" customHeight="1">
      <c r="A2138" s="23" t="s">
        <v>4021</v>
      </c>
      <c r="B2138" s="9" t="s">
        <v>4022</v>
      </c>
      <c r="C2138" s="10" t="s">
        <v>3735</v>
      </c>
      <c r="D2138" s="9" t="s">
        <v>4023</v>
      </c>
      <c r="E2138" s="24" t="s">
        <v>21</v>
      </c>
      <c r="F2138" s="11">
        <v>47422</v>
      </c>
    </row>
    <row r="2139" spans="1:6" s="36" customFormat="1" ht="27.75" customHeight="1">
      <c r="A2139" s="12" t="s">
        <v>4024</v>
      </c>
      <c r="B2139" s="13" t="s">
        <v>4025</v>
      </c>
      <c r="C2139" s="10" t="s">
        <v>4026</v>
      </c>
      <c r="D2139" s="13" t="s">
        <v>4027</v>
      </c>
      <c r="E2139" s="13" t="s">
        <v>21</v>
      </c>
      <c r="F2139" s="11">
        <v>47299</v>
      </c>
    </row>
    <row r="2140" spans="1:6" s="36" customFormat="1" ht="27.75" customHeight="1">
      <c r="A2140" s="12" t="s">
        <v>4028</v>
      </c>
      <c r="B2140" s="13" t="s">
        <v>4025</v>
      </c>
      <c r="C2140" s="10" t="s">
        <v>4026</v>
      </c>
      <c r="D2140" s="13" t="s">
        <v>4027</v>
      </c>
      <c r="E2140" s="13" t="s">
        <v>44</v>
      </c>
      <c r="F2140" s="11">
        <v>47422</v>
      </c>
    </row>
    <row r="2141" spans="1:6" s="36" customFormat="1" ht="27.75" customHeight="1">
      <c r="A2141" s="17" t="s">
        <v>4029</v>
      </c>
      <c r="B2141" s="9" t="s">
        <v>4030</v>
      </c>
      <c r="C2141" s="10" t="s">
        <v>4026</v>
      </c>
      <c r="D2141" s="9" t="s">
        <v>4031</v>
      </c>
      <c r="E2141" s="9" t="s">
        <v>659</v>
      </c>
      <c r="F2141" s="11">
        <v>46356</v>
      </c>
    </row>
    <row r="2142" spans="1:6" s="36" customFormat="1" ht="27.75" customHeight="1">
      <c r="A2142" s="23" t="s">
        <v>4032</v>
      </c>
      <c r="B2142" s="9" t="s">
        <v>4033</v>
      </c>
      <c r="C2142" s="10" t="s">
        <v>4026</v>
      </c>
      <c r="D2142" s="9" t="s">
        <v>4034</v>
      </c>
      <c r="E2142" s="24" t="s">
        <v>253</v>
      </c>
      <c r="F2142" s="11">
        <v>47422</v>
      </c>
    </row>
    <row r="2143" spans="1:6" s="36" customFormat="1" ht="27.75" customHeight="1">
      <c r="A2143" s="12" t="s">
        <v>4035</v>
      </c>
      <c r="B2143" s="13" t="s">
        <v>4033</v>
      </c>
      <c r="C2143" s="10" t="s">
        <v>4026</v>
      </c>
      <c r="D2143" s="13" t="s">
        <v>4034</v>
      </c>
      <c r="E2143" s="13" t="s">
        <v>11</v>
      </c>
      <c r="F2143" s="11">
        <v>47452</v>
      </c>
    </row>
    <row r="2144" spans="1:6" s="36" customFormat="1" ht="27.75" customHeight="1">
      <c r="A2144" s="12" t="s">
        <v>4036</v>
      </c>
      <c r="B2144" s="13" t="s">
        <v>4037</v>
      </c>
      <c r="C2144" s="10" t="s">
        <v>4026</v>
      </c>
      <c r="D2144" s="13" t="s">
        <v>4734</v>
      </c>
      <c r="E2144" s="13" t="s">
        <v>17</v>
      </c>
      <c r="F2144" s="11">
        <v>47726</v>
      </c>
    </row>
    <row r="2145" spans="1:6" s="36" customFormat="1" ht="27.75" customHeight="1">
      <c r="A2145" s="8" t="s">
        <v>4038</v>
      </c>
      <c r="B2145" s="9" t="s">
        <v>4039</v>
      </c>
      <c r="C2145" s="10" t="s">
        <v>4026</v>
      </c>
      <c r="D2145" s="9" t="s">
        <v>4040</v>
      </c>
      <c r="E2145" s="9" t="s">
        <v>4041</v>
      </c>
      <c r="F2145" s="35">
        <v>46446</v>
      </c>
    </row>
    <row r="2146" spans="1:6" s="36" customFormat="1" ht="27.75" customHeight="1">
      <c r="A2146" s="14" t="s">
        <v>4042</v>
      </c>
      <c r="B2146" s="9" t="s">
        <v>4043</v>
      </c>
      <c r="C2146" s="10" t="s">
        <v>4026</v>
      </c>
      <c r="D2146" s="9" t="s">
        <v>4044</v>
      </c>
      <c r="E2146" s="9" t="s">
        <v>2140</v>
      </c>
      <c r="F2146" s="11">
        <v>47603</v>
      </c>
    </row>
    <row r="2147" spans="1:6" s="36" customFormat="1" ht="27.75" customHeight="1">
      <c r="A2147" s="17" t="s">
        <v>4045</v>
      </c>
      <c r="B2147" s="9" t="s">
        <v>4046</v>
      </c>
      <c r="C2147" s="10" t="s">
        <v>4026</v>
      </c>
      <c r="D2147" s="9" t="s">
        <v>4047</v>
      </c>
      <c r="E2147" s="9" t="s">
        <v>298</v>
      </c>
      <c r="F2147" s="11">
        <v>47603</v>
      </c>
    </row>
    <row r="2148" spans="1:6" s="36" customFormat="1" ht="27.75" customHeight="1">
      <c r="A2148" s="14" t="s">
        <v>4048</v>
      </c>
      <c r="B2148" s="9" t="s">
        <v>4049</v>
      </c>
      <c r="C2148" s="10" t="s">
        <v>4026</v>
      </c>
      <c r="D2148" s="9" t="s">
        <v>4050</v>
      </c>
      <c r="E2148" s="9" t="s">
        <v>253</v>
      </c>
      <c r="F2148" s="11">
        <v>47149</v>
      </c>
    </row>
    <row r="2149" spans="1:6" s="36" customFormat="1" ht="27.75" customHeight="1">
      <c r="A2149" s="12" t="s">
        <v>4051</v>
      </c>
      <c r="B2149" s="13" t="s">
        <v>4049</v>
      </c>
      <c r="C2149" s="10" t="s">
        <v>4026</v>
      </c>
      <c r="D2149" s="13" t="s">
        <v>4052</v>
      </c>
      <c r="E2149" s="13" t="s">
        <v>11</v>
      </c>
      <c r="F2149" s="11">
        <v>47422</v>
      </c>
    </row>
    <row r="2150" spans="1:6" s="36" customFormat="1" ht="27.75" customHeight="1">
      <c r="A2150" s="14" t="s">
        <v>4053</v>
      </c>
      <c r="B2150" s="9" t="s">
        <v>4054</v>
      </c>
      <c r="C2150" s="10" t="s">
        <v>4026</v>
      </c>
      <c r="D2150" s="9" t="s">
        <v>4055</v>
      </c>
      <c r="E2150" s="9" t="s">
        <v>21</v>
      </c>
      <c r="F2150" s="11">
        <v>46477</v>
      </c>
    </row>
    <row r="2151" spans="1:6" s="36" customFormat="1" ht="27.75" customHeight="1">
      <c r="A2151" s="8" t="s">
        <v>4056</v>
      </c>
      <c r="B2151" s="9" t="s">
        <v>4057</v>
      </c>
      <c r="C2151" s="10" t="s">
        <v>4026</v>
      </c>
      <c r="D2151" s="9" t="s">
        <v>4058</v>
      </c>
      <c r="E2151" s="9" t="s">
        <v>63</v>
      </c>
      <c r="F2151" s="35">
        <v>47422</v>
      </c>
    </row>
    <row r="2152" spans="1:6" s="36" customFormat="1" ht="27.75" customHeight="1">
      <c r="A2152" s="14" t="s">
        <v>4059</v>
      </c>
      <c r="B2152" s="9" t="s">
        <v>4057</v>
      </c>
      <c r="C2152" s="10" t="s">
        <v>4026</v>
      </c>
      <c r="D2152" s="9" t="s">
        <v>4058</v>
      </c>
      <c r="E2152" s="9" t="s">
        <v>1085</v>
      </c>
      <c r="F2152" s="11">
        <v>47422</v>
      </c>
    </row>
    <row r="2153" spans="1:6" s="36" customFormat="1" ht="27.75" customHeight="1">
      <c r="A2153" s="12" t="s">
        <v>4060</v>
      </c>
      <c r="B2153" s="13" t="s">
        <v>4061</v>
      </c>
      <c r="C2153" s="10" t="s">
        <v>4026</v>
      </c>
      <c r="D2153" s="13" t="s">
        <v>4062</v>
      </c>
      <c r="E2153" s="13" t="s">
        <v>4063</v>
      </c>
      <c r="F2153" s="11">
        <v>47422</v>
      </c>
    </row>
    <row r="2154" spans="1:6" s="36" customFormat="1" ht="27.75" customHeight="1">
      <c r="A2154" s="14" t="s">
        <v>4064</v>
      </c>
      <c r="B2154" s="9" t="s">
        <v>4065</v>
      </c>
      <c r="C2154" s="10" t="s">
        <v>4026</v>
      </c>
      <c r="D2154" s="9" t="s">
        <v>4066</v>
      </c>
      <c r="E2154" s="9" t="s">
        <v>115</v>
      </c>
      <c r="F2154" s="11">
        <v>46326</v>
      </c>
    </row>
    <row r="2155" spans="1:6" s="36" customFormat="1" ht="27.75" customHeight="1">
      <c r="A2155" s="14" t="s">
        <v>4067</v>
      </c>
      <c r="B2155" s="9" t="s">
        <v>4068</v>
      </c>
      <c r="C2155" s="10" t="s">
        <v>4026</v>
      </c>
      <c r="D2155" s="9" t="s">
        <v>4069</v>
      </c>
      <c r="E2155" s="9" t="s">
        <v>25</v>
      </c>
      <c r="F2155" s="11">
        <v>47422</v>
      </c>
    </row>
    <row r="2156" spans="1:6" s="36" customFormat="1" ht="27.75" customHeight="1">
      <c r="A2156" s="12" t="s">
        <v>4070</v>
      </c>
      <c r="B2156" s="13" t="s">
        <v>4071</v>
      </c>
      <c r="C2156" s="10" t="s">
        <v>4026</v>
      </c>
      <c r="D2156" s="13" t="s">
        <v>4072</v>
      </c>
      <c r="E2156" s="13" t="s">
        <v>17</v>
      </c>
      <c r="F2156" s="11">
        <v>47483</v>
      </c>
    </row>
    <row r="2157" spans="1:6" s="36" customFormat="1" ht="27.75" customHeight="1">
      <c r="A2157" s="8" t="s">
        <v>4073</v>
      </c>
      <c r="B2157" s="9" t="s">
        <v>4074</v>
      </c>
      <c r="C2157" s="10" t="s">
        <v>4026</v>
      </c>
      <c r="D2157" s="9" t="s">
        <v>4075</v>
      </c>
      <c r="E2157" s="9" t="s">
        <v>115</v>
      </c>
      <c r="F2157" s="35">
        <v>46203</v>
      </c>
    </row>
    <row r="2158" spans="1:6" s="36" customFormat="1" ht="27.75" customHeight="1">
      <c r="A2158" s="8" t="s">
        <v>4076</v>
      </c>
      <c r="B2158" s="9" t="s">
        <v>4077</v>
      </c>
      <c r="C2158" s="10" t="s">
        <v>4026</v>
      </c>
      <c r="D2158" s="9" t="s">
        <v>4078</v>
      </c>
      <c r="E2158" s="9" t="s">
        <v>1609</v>
      </c>
      <c r="F2158" s="35">
        <v>47422</v>
      </c>
    </row>
    <row r="2159" spans="1:6" s="36" customFormat="1" ht="27.75" customHeight="1">
      <c r="A2159" s="8" t="s">
        <v>4079</v>
      </c>
      <c r="B2159" s="9" t="s">
        <v>4080</v>
      </c>
      <c r="C2159" s="10" t="s">
        <v>4026</v>
      </c>
      <c r="D2159" s="9" t="s">
        <v>4078</v>
      </c>
      <c r="E2159" s="9" t="s">
        <v>86</v>
      </c>
      <c r="F2159" s="35">
        <v>47026</v>
      </c>
    </row>
    <row r="2160" spans="1:6" s="36" customFormat="1" ht="27.75" customHeight="1">
      <c r="A2160" s="14" t="s">
        <v>4081</v>
      </c>
      <c r="B2160" s="9" t="s">
        <v>4082</v>
      </c>
      <c r="C2160" s="10" t="s">
        <v>4026</v>
      </c>
      <c r="D2160" s="9" t="s">
        <v>4083</v>
      </c>
      <c r="E2160" s="9" t="s">
        <v>809</v>
      </c>
      <c r="F2160" s="11">
        <v>47422</v>
      </c>
    </row>
    <row r="2161" spans="1:6" s="36" customFormat="1" ht="27.75" customHeight="1">
      <c r="A2161" s="14" t="s">
        <v>4084</v>
      </c>
      <c r="B2161" s="9" t="s">
        <v>4085</v>
      </c>
      <c r="C2161" s="10" t="s">
        <v>4026</v>
      </c>
      <c r="D2161" s="9" t="s">
        <v>4086</v>
      </c>
      <c r="E2161" s="9" t="s">
        <v>17</v>
      </c>
      <c r="F2161" s="11">
        <v>47452</v>
      </c>
    </row>
    <row r="2162" spans="1:6" s="36" customFormat="1" ht="27.75" customHeight="1">
      <c r="A2162" s="14" t="s">
        <v>4087</v>
      </c>
      <c r="B2162" s="9" t="s">
        <v>4088</v>
      </c>
      <c r="C2162" s="10" t="s">
        <v>4026</v>
      </c>
      <c r="D2162" s="9" t="s">
        <v>4089</v>
      </c>
      <c r="E2162" s="9" t="s">
        <v>4090</v>
      </c>
      <c r="F2162" s="11">
        <v>46691</v>
      </c>
    </row>
    <row r="2163" spans="1:6" s="36" customFormat="1" ht="27.75" customHeight="1">
      <c r="A2163" s="15" t="s">
        <v>4091</v>
      </c>
      <c r="B2163" s="9" t="s">
        <v>4092</v>
      </c>
      <c r="C2163" s="10" t="s">
        <v>4026</v>
      </c>
      <c r="D2163" s="9" t="s">
        <v>4093</v>
      </c>
      <c r="E2163" s="13" t="s">
        <v>991</v>
      </c>
      <c r="F2163" s="11">
        <v>47542</v>
      </c>
    </row>
    <row r="2164" spans="1:6" s="36" customFormat="1" ht="27.75" customHeight="1">
      <c r="A2164" s="8" t="s">
        <v>4094</v>
      </c>
      <c r="B2164" s="9" t="s">
        <v>4095</v>
      </c>
      <c r="C2164" s="10" t="s">
        <v>4026</v>
      </c>
      <c r="D2164" s="9" t="s">
        <v>4096</v>
      </c>
      <c r="E2164" s="9" t="s">
        <v>17</v>
      </c>
      <c r="F2164" s="35">
        <v>47422</v>
      </c>
    </row>
    <row r="2165" spans="1:6" s="37" customFormat="1" ht="27.75" customHeight="1">
      <c r="A2165" s="12" t="s">
        <v>4097</v>
      </c>
      <c r="B2165" s="13" t="s">
        <v>4098</v>
      </c>
      <c r="C2165" s="10" t="s">
        <v>4026</v>
      </c>
      <c r="D2165" s="13" t="s">
        <v>4099</v>
      </c>
      <c r="E2165" s="13" t="s">
        <v>17</v>
      </c>
      <c r="F2165" s="11">
        <v>47422</v>
      </c>
    </row>
    <row r="2166" spans="1:6" s="36" customFormat="1" ht="27.75" customHeight="1">
      <c r="A2166" s="12" t="s">
        <v>4100</v>
      </c>
      <c r="B2166" s="13" t="s">
        <v>4101</v>
      </c>
      <c r="C2166" s="10" t="s">
        <v>4026</v>
      </c>
      <c r="D2166" s="9" t="s">
        <v>4102</v>
      </c>
      <c r="E2166" s="13" t="s">
        <v>1644</v>
      </c>
      <c r="F2166" s="11">
        <v>47422</v>
      </c>
    </row>
    <row r="2167" spans="1:6" s="36" customFormat="1" ht="27.75" customHeight="1">
      <c r="A2167" s="8" t="s">
        <v>4103</v>
      </c>
      <c r="B2167" s="9" t="s">
        <v>4104</v>
      </c>
      <c r="C2167" s="10" t="s">
        <v>4026</v>
      </c>
      <c r="D2167" s="9" t="s">
        <v>4105</v>
      </c>
      <c r="E2167" s="9" t="s">
        <v>44</v>
      </c>
      <c r="F2167" s="35">
        <v>46538</v>
      </c>
    </row>
    <row r="2168" spans="1:6" s="36" customFormat="1" ht="27.75" customHeight="1">
      <c r="A2168" s="8" t="s">
        <v>4106</v>
      </c>
      <c r="B2168" s="9" t="s">
        <v>4104</v>
      </c>
      <c r="C2168" s="10" t="s">
        <v>4026</v>
      </c>
      <c r="D2168" s="9" t="s">
        <v>4105</v>
      </c>
      <c r="E2168" s="9" t="s">
        <v>44</v>
      </c>
      <c r="F2168" s="35">
        <v>47573</v>
      </c>
    </row>
    <row r="2169" spans="1:6" s="36" customFormat="1" ht="27.75" customHeight="1">
      <c r="A2169" s="12" t="s">
        <v>4107</v>
      </c>
      <c r="B2169" s="13" t="s">
        <v>4108</v>
      </c>
      <c r="C2169" s="10" t="s">
        <v>4026</v>
      </c>
      <c r="D2169" s="13" t="s">
        <v>4109</v>
      </c>
      <c r="E2169" s="13" t="s">
        <v>3475</v>
      </c>
      <c r="F2169" s="11">
        <v>47422</v>
      </c>
    </row>
    <row r="2170" spans="1:6" s="37" customFormat="1" ht="27.75" customHeight="1">
      <c r="A2170" s="12" t="s">
        <v>4110</v>
      </c>
      <c r="B2170" s="13" t="s">
        <v>4111</v>
      </c>
      <c r="C2170" s="10" t="s">
        <v>4026</v>
      </c>
      <c r="D2170" s="13" t="s">
        <v>4112</v>
      </c>
      <c r="E2170" s="13" t="s">
        <v>63</v>
      </c>
      <c r="F2170" s="11">
        <v>47422</v>
      </c>
    </row>
    <row r="2171" spans="1:6" s="36" customFormat="1" ht="27.75" customHeight="1">
      <c r="A2171" s="14" t="s">
        <v>4113</v>
      </c>
      <c r="B2171" s="9" t="s">
        <v>4114</v>
      </c>
      <c r="C2171" s="10" t="s">
        <v>4026</v>
      </c>
      <c r="D2171" s="9" t="s">
        <v>4115</v>
      </c>
      <c r="E2171" s="9" t="s">
        <v>4116</v>
      </c>
      <c r="F2171" s="11">
        <v>46173</v>
      </c>
    </row>
    <row r="2172" spans="1:6" s="36" customFormat="1" ht="27.75" customHeight="1">
      <c r="A2172" s="12" t="s">
        <v>4117</v>
      </c>
      <c r="B2172" s="13" t="s">
        <v>4118</v>
      </c>
      <c r="C2172" s="10" t="s">
        <v>4026</v>
      </c>
      <c r="D2172" s="9" t="s">
        <v>4119</v>
      </c>
      <c r="E2172" s="9" t="s">
        <v>11</v>
      </c>
      <c r="F2172" s="11">
        <v>47269</v>
      </c>
    </row>
    <row r="2173" spans="1:6" s="36" customFormat="1" ht="27.75" customHeight="1">
      <c r="A2173" s="8" t="s">
        <v>4120</v>
      </c>
      <c r="B2173" s="9" t="s">
        <v>4118</v>
      </c>
      <c r="C2173" s="10" t="s">
        <v>4026</v>
      </c>
      <c r="D2173" s="9" t="s">
        <v>4119</v>
      </c>
      <c r="E2173" s="9" t="s">
        <v>4121</v>
      </c>
      <c r="F2173" s="35">
        <v>47664</v>
      </c>
    </row>
    <row r="2174" spans="1:6" s="36" customFormat="1" ht="27.75" customHeight="1">
      <c r="A2174" s="8" t="s">
        <v>4122</v>
      </c>
      <c r="B2174" s="9" t="s">
        <v>4118</v>
      </c>
      <c r="C2174" s="10" t="s">
        <v>4026</v>
      </c>
      <c r="D2174" s="9" t="s">
        <v>4119</v>
      </c>
      <c r="E2174" s="9" t="s">
        <v>524</v>
      </c>
      <c r="F2174" s="35">
        <v>46356</v>
      </c>
    </row>
    <row r="2175" spans="1:6" s="36" customFormat="1" ht="27.75" customHeight="1">
      <c r="A2175" s="20" t="s">
        <v>4123</v>
      </c>
      <c r="B2175" s="13" t="s">
        <v>4118</v>
      </c>
      <c r="C2175" s="10" t="s">
        <v>4026</v>
      </c>
      <c r="D2175" s="13" t="s">
        <v>4119</v>
      </c>
      <c r="E2175" s="13" t="s">
        <v>270</v>
      </c>
      <c r="F2175" s="11">
        <v>47634</v>
      </c>
    </row>
    <row r="2176" spans="1:6" s="36" customFormat="1" ht="27.75" customHeight="1">
      <c r="A2176" s="12" t="s">
        <v>4124</v>
      </c>
      <c r="B2176" s="13" t="s">
        <v>4118</v>
      </c>
      <c r="C2176" s="10" t="s">
        <v>4026</v>
      </c>
      <c r="D2176" s="13" t="s">
        <v>4119</v>
      </c>
      <c r="E2176" s="13" t="s">
        <v>393</v>
      </c>
      <c r="F2176" s="11">
        <v>47208</v>
      </c>
    </row>
    <row r="2177" spans="1:6" s="37" customFormat="1" ht="27.75" customHeight="1">
      <c r="A2177" s="17" t="s">
        <v>4125</v>
      </c>
      <c r="B2177" s="9" t="s">
        <v>4118</v>
      </c>
      <c r="C2177" s="10" t="s">
        <v>4026</v>
      </c>
      <c r="D2177" s="9" t="s">
        <v>4119</v>
      </c>
      <c r="E2177" s="9" t="s">
        <v>196</v>
      </c>
      <c r="F2177" s="11">
        <v>47422</v>
      </c>
    </row>
    <row r="2178" spans="1:6" s="36" customFormat="1" ht="27.75" customHeight="1">
      <c r="A2178" s="12" t="s">
        <v>4126</v>
      </c>
      <c r="B2178" s="13" t="s">
        <v>4118</v>
      </c>
      <c r="C2178" s="10" t="s">
        <v>4026</v>
      </c>
      <c r="D2178" s="13" t="s">
        <v>4119</v>
      </c>
      <c r="E2178" s="13" t="s">
        <v>513</v>
      </c>
      <c r="F2178" s="11">
        <v>47422</v>
      </c>
    </row>
    <row r="2179" spans="1:6" s="36" customFormat="1" ht="27.75" customHeight="1">
      <c r="A2179" s="14" t="s">
        <v>4127</v>
      </c>
      <c r="B2179" s="9" t="s">
        <v>4118</v>
      </c>
      <c r="C2179" s="10" t="s">
        <v>4026</v>
      </c>
      <c r="D2179" s="9" t="s">
        <v>4119</v>
      </c>
      <c r="E2179" s="9" t="s">
        <v>40</v>
      </c>
      <c r="F2179" s="11">
        <v>47573</v>
      </c>
    </row>
    <row r="2180" spans="1:6" s="36" customFormat="1" ht="27.75" customHeight="1">
      <c r="A2180" s="12" t="s">
        <v>4128</v>
      </c>
      <c r="B2180" s="18" t="s">
        <v>4118</v>
      </c>
      <c r="C2180" s="10" t="s">
        <v>4026</v>
      </c>
      <c r="D2180" s="18" t="s">
        <v>4119</v>
      </c>
      <c r="E2180" s="18" t="s">
        <v>298</v>
      </c>
      <c r="F2180" s="19">
        <v>47422</v>
      </c>
    </row>
    <row r="2181" spans="1:6" s="36" customFormat="1" ht="27.75" customHeight="1">
      <c r="A2181" s="8" t="s">
        <v>4129</v>
      </c>
      <c r="B2181" s="9" t="s">
        <v>4118</v>
      </c>
      <c r="C2181" s="10" t="s">
        <v>4026</v>
      </c>
      <c r="D2181" s="9" t="s">
        <v>4119</v>
      </c>
      <c r="E2181" s="9" t="s">
        <v>2048</v>
      </c>
      <c r="F2181" s="35">
        <v>47269</v>
      </c>
    </row>
    <row r="2182" spans="1:6" s="36" customFormat="1" ht="27.75" customHeight="1">
      <c r="A2182" s="8" t="s">
        <v>4130</v>
      </c>
      <c r="B2182" s="9" t="s">
        <v>4118</v>
      </c>
      <c r="C2182" s="10" t="s">
        <v>4026</v>
      </c>
      <c r="D2182" s="9" t="s">
        <v>4119</v>
      </c>
      <c r="E2182" s="9" t="s">
        <v>196</v>
      </c>
      <c r="F2182" s="35">
        <v>47422</v>
      </c>
    </row>
    <row r="2183" spans="1:6" ht="27.75" customHeight="1">
      <c r="A2183" s="15" t="s">
        <v>4131</v>
      </c>
      <c r="B2183" s="9" t="s">
        <v>4118</v>
      </c>
      <c r="C2183" s="10" t="s">
        <v>4026</v>
      </c>
      <c r="D2183" s="9" t="s">
        <v>4119</v>
      </c>
      <c r="E2183" s="13" t="s">
        <v>228</v>
      </c>
      <c r="F2183" s="11">
        <v>47422</v>
      </c>
    </row>
    <row r="2184" spans="1:6" ht="27.75" customHeight="1">
      <c r="A2184" s="12" t="s">
        <v>4132</v>
      </c>
      <c r="B2184" s="9" t="s">
        <v>4118</v>
      </c>
      <c r="C2184" s="10" t="s">
        <v>4026</v>
      </c>
      <c r="D2184" s="18" t="s">
        <v>4119</v>
      </c>
      <c r="E2184" s="18" t="s">
        <v>228</v>
      </c>
      <c r="F2184" s="19">
        <v>47573</v>
      </c>
    </row>
    <row r="2185" spans="1:6" ht="27.75" customHeight="1">
      <c r="A2185" s="8" t="s">
        <v>4133</v>
      </c>
      <c r="B2185" s="9" t="s">
        <v>4118</v>
      </c>
      <c r="C2185" s="10" t="s">
        <v>4026</v>
      </c>
      <c r="D2185" s="9" t="s">
        <v>4119</v>
      </c>
      <c r="E2185" s="9" t="s">
        <v>288</v>
      </c>
      <c r="F2185" s="35">
        <v>47573</v>
      </c>
    </row>
    <row r="2186" spans="1:6" ht="27.75" customHeight="1">
      <c r="A2186" s="14" t="s">
        <v>4134</v>
      </c>
      <c r="B2186" s="9" t="s">
        <v>4118</v>
      </c>
      <c r="C2186" s="10" t="s">
        <v>4026</v>
      </c>
      <c r="D2186" s="9" t="s">
        <v>4119</v>
      </c>
      <c r="E2186" s="9" t="s">
        <v>424</v>
      </c>
      <c r="F2186" s="11">
        <v>47634</v>
      </c>
    </row>
    <row r="2187" spans="1:6" ht="27.75" customHeight="1">
      <c r="A2187" s="8" t="s">
        <v>4135</v>
      </c>
      <c r="B2187" s="9" t="s">
        <v>4118</v>
      </c>
      <c r="C2187" s="10" t="s">
        <v>4026</v>
      </c>
      <c r="D2187" s="9" t="s">
        <v>4119</v>
      </c>
      <c r="E2187" s="9" t="s">
        <v>44</v>
      </c>
      <c r="F2187" s="35">
        <v>47422</v>
      </c>
    </row>
    <row r="2188" spans="1:6" ht="27.75" customHeight="1">
      <c r="A2188" s="17" t="s">
        <v>4136</v>
      </c>
      <c r="B2188" s="9" t="s">
        <v>4118</v>
      </c>
      <c r="C2188" s="10" t="s">
        <v>4026</v>
      </c>
      <c r="D2188" s="9" t="s">
        <v>4119</v>
      </c>
      <c r="E2188" s="9" t="s">
        <v>44</v>
      </c>
      <c r="F2188" s="11">
        <v>47422</v>
      </c>
    </row>
    <row r="2189" spans="1:6" ht="27.75" customHeight="1">
      <c r="A2189" s="12" t="s">
        <v>4137</v>
      </c>
      <c r="B2189" s="13" t="s">
        <v>4118</v>
      </c>
      <c r="C2189" s="10" t="s">
        <v>4026</v>
      </c>
      <c r="D2189" s="13" t="s">
        <v>4119</v>
      </c>
      <c r="E2189" s="13" t="s">
        <v>115</v>
      </c>
      <c r="F2189" s="11">
        <v>47422</v>
      </c>
    </row>
    <row r="2190" spans="1:6" ht="27.75" customHeight="1">
      <c r="A2190" s="14" t="s">
        <v>4138</v>
      </c>
      <c r="B2190" s="9" t="s">
        <v>4118</v>
      </c>
      <c r="C2190" s="10" t="s">
        <v>4026</v>
      </c>
      <c r="D2190" s="18" t="s">
        <v>4119</v>
      </c>
      <c r="E2190" s="9" t="s">
        <v>196</v>
      </c>
      <c r="F2190" s="11">
        <v>47422</v>
      </c>
    </row>
    <row r="2191" spans="1:6" ht="27.75" customHeight="1">
      <c r="A2191" s="8" t="s">
        <v>4139</v>
      </c>
      <c r="B2191" s="9" t="s">
        <v>4118</v>
      </c>
      <c r="C2191" s="10" t="s">
        <v>4026</v>
      </c>
      <c r="D2191" s="9" t="s">
        <v>4119</v>
      </c>
      <c r="E2191" s="9" t="s">
        <v>25</v>
      </c>
      <c r="F2191" s="35">
        <v>47422</v>
      </c>
    </row>
    <row r="2192" spans="1:6" ht="27.75" customHeight="1">
      <c r="A2192" s="8" t="s">
        <v>4140</v>
      </c>
      <c r="B2192" s="9" t="s">
        <v>4118</v>
      </c>
      <c r="C2192" s="10" t="s">
        <v>4026</v>
      </c>
      <c r="D2192" s="9" t="s">
        <v>4119</v>
      </c>
      <c r="E2192" s="9" t="s">
        <v>196</v>
      </c>
      <c r="F2192" s="35">
        <v>46904</v>
      </c>
    </row>
    <row r="2193" spans="1:6" ht="27.75" customHeight="1">
      <c r="A2193" s="8" t="s">
        <v>4141</v>
      </c>
      <c r="B2193" s="9" t="s">
        <v>4118</v>
      </c>
      <c r="C2193" s="10" t="s">
        <v>4026</v>
      </c>
      <c r="D2193" s="9" t="s">
        <v>4119</v>
      </c>
      <c r="E2193" s="9" t="s">
        <v>115</v>
      </c>
      <c r="F2193" s="35">
        <v>46295</v>
      </c>
    </row>
    <row r="2194" spans="1:6" ht="27.75" customHeight="1">
      <c r="A2194" s="12" t="s">
        <v>4142</v>
      </c>
      <c r="B2194" s="13" t="s">
        <v>4118</v>
      </c>
      <c r="C2194" s="10" t="s">
        <v>4026</v>
      </c>
      <c r="D2194" s="13" t="s">
        <v>4119</v>
      </c>
      <c r="E2194" s="13" t="s">
        <v>196</v>
      </c>
      <c r="F2194" s="11">
        <v>47269</v>
      </c>
    </row>
    <row r="2195" spans="1:6" ht="27.75" customHeight="1">
      <c r="A2195" s="12" t="s">
        <v>4143</v>
      </c>
      <c r="B2195" s="13" t="s">
        <v>4118</v>
      </c>
      <c r="C2195" s="10" t="s">
        <v>4026</v>
      </c>
      <c r="D2195" s="13" t="s">
        <v>4119</v>
      </c>
      <c r="E2195" s="13" t="s">
        <v>270</v>
      </c>
      <c r="F2195" s="11">
        <v>47149</v>
      </c>
    </row>
    <row r="2196" spans="1:6" ht="27.75" customHeight="1">
      <c r="A2196" s="14" t="s">
        <v>4144</v>
      </c>
      <c r="B2196" s="9" t="s">
        <v>4118</v>
      </c>
      <c r="C2196" s="10" t="s">
        <v>4026</v>
      </c>
      <c r="D2196" s="9" t="s">
        <v>4119</v>
      </c>
      <c r="E2196" s="9" t="s">
        <v>44</v>
      </c>
      <c r="F2196" s="11">
        <v>47603</v>
      </c>
    </row>
    <row r="2197" spans="1:6" ht="27.75" customHeight="1">
      <c r="A2197" s="14" t="s">
        <v>4145</v>
      </c>
      <c r="B2197" s="9" t="s">
        <v>4118</v>
      </c>
      <c r="C2197" s="10" t="s">
        <v>4026</v>
      </c>
      <c r="D2197" s="9" t="s">
        <v>4119</v>
      </c>
      <c r="E2197" s="9" t="s">
        <v>288</v>
      </c>
      <c r="F2197" s="11">
        <v>47422</v>
      </c>
    </row>
    <row r="2198" spans="1:6" ht="27.75" customHeight="1">
      <c r="A2198" s="8" t="s">
        <v>4146</v>
      </c>
      <c r="B2198" s="9" t="s">
        <v>4118</v>
      </c>
      <c r="C2198" s="10" t="s">
        <v>4026</v>
      </c>
      <c r="D2198" s="9" t="s">
        <v>4119</v>
      </c>
      <c r="E2198" s="9" t="s">
        <v>228</v>
      </c>
      <c r="F2198" s="35">
        <v>46203</v>
      </c>
    </row>
    <row r="2199" spans="1:6" ht="27.75" customHeight="1">
      <c r="A2199" s="14" t="s">
        <v>4147</v>
      </c>
      <c r="B2199" s="9" t="s">
        <v>4118</v>
      </c>
      <c r="C2199" s="10" t="s">
        <v>4026</v>
      </c>
      <c r="D2199" s="9" t="s">
        <v>4119</v>
      </c>
      <c r="E2199" s="9" t="s">
        <v>40</v>
      </c>
      <c r="F2199" s="11">
        <v>47422</v>
      </c>
    </row>
    <row r="2200" spans="1:6" ht="27.75" customHeight="1">
      <c r="A2200" s="14" t="s">
        <v>4148</v>
      </c>
      <c r="B2200" s="9" t="s">
        <v>4118</v>
      </c>
      <c r="C2200" s="10" t="s">
        <v>4026</v>
      </c>
      <c r="D2200" s="9" t="s">
        <v>4119</v>
      </c>
      <c r="E2200" s="9" t="s">
        <v>270</v>
      </c>
      <c r="F2200" s="11">
        <v>46142</v>
      </c>
    </row>
    <row r="2201" spans="1:6" ht="27.75" customHeight="1">
      <c r="A2201" s="12" t="s">
        <v>4149</v>
      </c>
      <c r="B2201" s="13" t="s">
        <v>4118</v>
      </c>
      <c r="C2201" s="10" t="s">
        <v>4026</v>
      </c>
      <c r="D2201" s="13" t="s">
        <v>4119</v>
      </c>
      <c r="E2201" s="13" t="s">
        <v>270</v>
      </c>
      <c r="F2201" s="11">
        <v>47422</v>
      </c>
    </row>
    <row r="2202" spans="1:6" s="38" customFormat="1" ht="27.75" customHeight="1">
      <c r="A2202" s="17" t="s">
        <v>4150</v>
      </c>
      <c r="B2202" s="9" t="s">
        <v>4118</v>
      </c>
      <c r="C2202" s="10" t="s">
        <v>4026</v>
      </c>
      <c r="D2202" s="9" t="s">
        <v>4119</v>
      </c>
      <c r="E2202" s="9" t="s">
        <v>288</v>
      </c>
      <c r="F2202" s="11">
        <v>46446</v>
      </c>
    </row>
    <row r="2203" spans="1:6" s="38" customFormat="1" ht="27.75" customHeight="1">
      <c r="A2203" s="15" t="s">
        <v>4151</v>
      </c>
      <c r="B2203" s="9" t="s">
        <v>4118</v>
      </c>
      <c r="C2203" s="10" t="s">
        <v>4026</v>
      </c>
      <c r="D2203" s="9" t="s">
        <v>4119</v>
      </c>
      <c r="E2203" s="13" t="s">
        <v>234</v>
      </c>
      <c r="F2203" s="11">
        <v>47422</v>
      </c>
    </row>
    <row r="2204" spans="1:6" s="38" customFormat="1" ht="27.75" customHeight="1">
      <c r="A2204" s="14" t="s">
        <v>4152</v>
      </c>
      <c r="B2204" s="9" t="s">
        <v>4118</v>
      </c>
      <c r="C2204" s="10" t="s">
        <v>4026</v>
      </c>
      <c r="D2204" s="9" t="s">
        <v>4119</v>
      </c>
      <c r="E2204" s="9" t="s">
        <v>513</v>
      </c>
      <c r="F2204" s="11">
        <v>47422</v>
      </c>
    </row>
    <row r="2205" spans="1:6" s="38" customFormat="1" ht="27.75" customHeight="1">
      <c r="A2205" s="14" t="s">
        <v>4153</v>
      </c>
      <c r="B2205" s="9" t="s">
        <v>4118</v>
      </c>
      <c r="C2205" s="10" t="s">
        <v>4026</v>
      </c>
      <c r="D2205" s="9" t="s">
        <v>4119</v>
      </c>
      <c r="E2205" s="9" t="s">
        <v>11</v>
      </c>
      <c r="F2205" s="11">
        <v>47573</v>
      </c>
    </row>
    <row r="2206" spans="1:6" s="38" customFormat="1" ht="27.75" customHeight="1">
      <c r="A2206" s="20" t="s">
        <v>4154</v>
      </c>
      <c r="B2206" s="13" t="s">
        <v>4118</v>
      </c>
      <c r="C2206" s="10" t="s">
        <v>4026</v>
      </c>
      <c r="D2206" s="27" t="s">
        <v>4119</v>
      </c>
      <c r="E2206" s="13" t="s">
        <v>234</v>
      </c>
      <c r="F2206" s="11">
        <v>47422</v>
      </c>
    </row>
    <row r="2207" spans="1:6" s="38" customFormat="1" ht="27.75" customHeight="1">
      <c r="A2207" s="12" t="s">
        <v>4155</v>
      </c>
      <c r="B2207" s="18" t="s">
        <v>4118</v>
      </c>
      <c r="C2207" s="10" t="s">
        <v>4026</v>
      </c>
      <c r="D2207" s="18" t="s">
        <v>4119</v>
      </c>
      <c r="E2207" s="18" t="s">
        <v>424</v>
      </c>
      <c r="F2207" s="19">
        <v>46507</v>
      </c>
    </row>
    <row r="2208" spans="1:6" s="38" customFormat="1" ht="27.75" customHeight="1">
      <c r="A2208" s="17" t="s">
        <v>4156</v>
      </c>
      <c r="B2208" s="9" t="s">
        <v>4118</v>
      </c>
      <c r="C2208" s="10" t="s">
        <v>4026</v>
      </c>
      <c r="D2208" s="9" t="s">
        <v>4119</v>
      </c>
      <c r="E2208" s="9" t="s">
        <v>115</v>
      </c>
      <c r="F2208" s="11">
        <v>47634</v>
      </c>
    </row>
    <row r="2209" spans="1:6" s="38" customFormat="1" ht="27.75" customHeight="1">
      <c r="A2209" s="12" t="s">
        <v>4157</v>
      </c>
      <c r="B2209" s="13" t="s">
        <v>4118</v>
      </c>
      <c r="C2209" s="10" t="s">
        <v>4026</v>
      </c>
      <c r="D2209" s="13" t="s">
        <v>4119</v>
      </c>
      <c r="E2209" s="13" t="s">
        <v>17</v>
      </c>
      <c r="F2209" s="11">
        <v>47422</v>
      </c>
    </row>
    <row r="2210" spans="1:6" s="38" customFormat="1" ht="27.75" customHeight="1">
      <c r="A2210" s="12" t="s">
        <v>4158</v>
      </c>
      <c r="B2210" s="13" t="s">
        <v>4118</v>
      </c>
      <c r="C2210" s="10" t="s">
        <v>4026</v>
      </c>
      <c r="D2210" s="13" t="s">
        <v>4119</v>
      </c>
      <c r="E2210" s="13" t="s">
        <v>44</v>
      </c>
      <c r="F2210" s="11">
        <v>46203</v>
      </c>
    </row>
    <row r="2211" spans="1:6" s="38" customFormat="1" ht="27.75" customHeight="1">
      <c r="A2211" s="8" t="s">
        <v>4159</v>
      </c>
      <c r="B2211" s="9" t="s">
        <v>4118</v>
      </c>
      <c r="C2211" s="10" t="s">
        <v>4026</v>
      </c>
      <c r="D2211" s="9" t="s">
        <v>4119</v>
      </c>
      <c r="E2211" s="9" t="s">
        <v>228</v>
      </c>
      <c r="F2211" s="11">
        <v>47603</v>
      </c>
    </row>
    <row r="2212" spans="1:6" s="38" customFormat="1" ht="27.75" customHeight="1">
      <c r="A2212" s="12" t="s">
        <v>4160</v>
      </c>
      <c r="B2212" s="13" t="s">
        <v>4118</v>
      </c>
      <c r="C2212" s="10" t="s">
        <v>4026</v>
      </c>
      <c r="D2212" s="9" t="s">
        <v>4119</v>
      </c>
      <c r="E2212" s="13" t="s">
        <v>524</v>
      </c>
      <c r="F2212" s="11">
        <v>47664</v>
      </c>
    </row>
    <row r="2213" spans="1:6" s="38" customFormat="1" ht="27.75" customHeight="1">
      <c r="A2213" s="12" t="s">
        <v>4161</v>
      </c>
      <c r="B2213" s="13" t="s">
        <v>4118</v>
      </c>
      <c r="C2213" s="10" t="s">
        <v>4026</v>
      </c>
      <c r="D2213" s="13" t="s">
        <v>4119</v>
      </c>
      <c r="E2213" s="13" t="s">
        <v>2048</v>
      </c>
      <c r="F2213" s="11">
        <v>47573</v>
      </c>
    </row>
    <row r="2214" spans="1:6" s="38" customFormat="1" ht="27.75" customHeight="1">
      <c r="A2214" s="14" t="s">
        <v>4162</v>
      </c>
      <c r="B2214" s="9" t="s">
        <v>4118</v>
      </c>
      <c r="C2214" s="10" t="s">
        <v>4026</v>
      </c>
      <c r="D2214" s="9" t="s">
        <v>4119</v>
      </c>
      <c r="E2214" s="9" t="s">
        <v>25</v>
      </c>
      <c r="F2214" s="11">
        <v>47514</v>
      </c>
    </row>
    <row r="2215" spans="1:6" s="38" customFormat="1" ht="27.75" customHeight="1">
      <c r="A2215" s="15" t="s">
        <v>4163</v>
      </c>
      <c r="B2215" s="9" t="s">
        <v>4118</v>
      </c>
      <c r="C2215" s="10" t="s">
        <v>4026</v>
      </c>
      <c r="D2215" s="9" t="s">
        <v>4119</v>
      </c>
      <c r="E2215" s="13" t="s">
        <v>17</v>
      </c>
      <c r="F2215" s="11">
        <v>47422</v>
      </c>
    </row>
    <row r="2216" spans="1:6" s="38" customFormat="1" ht="27.75" customHeight="1">
      <c r="A2216" s="12" t="s">
        <v>4164</v>
      </c>
      <c r="B2216" s="9" t="s">
        <v>4118</v>
      </c>
      <c r="C2216" s="10" t="s">
        <v>4026</v>
      </c>
      <c r="D2216" s="13" t="s">
        <v>4119</v>
      </c>
      <c r="E2216" s="13" t="s">
        <v>393</v>
      </c>
      <c r="F2216" s="11">
        <v>47422</v>
      </c>
    </row>
    <row r="2217" spans="1:6" s="38" customFormat="1" ht="27.75" customHeight="1">
      <c r="A2217" s="14" t="s">
        <v>4165</v>
      </c>
      <c r="B2217" s="9" t="s">
        <v>4118</v>
      </c>
      <c r="C2217" s="10" t="s">
        <v>4026</v>
      </c>
      <c r="D2217" s="13" t="s">
        <v>4119</v>
      </c>
      <c r="E2217" s="9" t="s">
        <v>40</v>
      </c>
      <c r="F2217" s="11">
        <v>47269</v>
      </c>
    </row>
    <row r="2218" spans="1:6" s="38" customFormat="1" ht="27.75" customHeight="1">
      <c r="A2218" s="14" t="s">
        <v>4166</v>
      </c>
      <c r="B2218" s="9" t="s">
        <v>4118</v>
      </c>
      <c r="C2218" s="10" t="s">
        <v>4026</v>
      </c>
      <c r="D2218" s="13" t="s">
        <v>4119</v>
      </c>
      <c r="E2218" s="13" t="s">
        <v>234</v>
      </c>
      <c r="F2218" s="11">
        <v>47542</v>
      </c>
    </row>
    <row r="2219" spans="1:6" s="38" customFormat="1" ht="27.75" customHeight="1">
      <c r="A2219" s="12" t="s">
        <v>4167</v>
      </c>
      <c r="B2219" s="13" t="s">
        <v>4118</v>
      </c>
      <c r="C2219" s="10" t="s">
        <v>4026</v>
      </c>
      <c r="D2219" s="13" t="s">
        <v>4119</v>
      </c>
      <c r="E2219" s="13" t="s">
        <v>2048</v>
      </c>
      <c r="F2219" s="11">
        <v>47634</v>
      </c>
    </row>
    <row r="2220" spans="1:6" s="38" customFormat="1" ht="27.75" customHeight="1">
      <c r="A2220" s="15" t="s">
        <v>4168</v>
      </c>
      <c r="B2220" s="9" t="s">
        <v>4118</v>
      </c>
      <c r="C2220" s="10" t="s">
        <v>4026</v>
      </c>
      <c r="D2220" s="9" t="s">
        <v>4119</v>
      </c>
      <c r="E2220" s="13" t="s">
        <v>11</v>
      </c>
      <c r="F2220" s="11">
        <v>47603</v>
      </c>
    </row>
    <row r="2221" spans="1:6" s="38" customFormat="1" ht="27.75" customHeight="1">
      <c r="A2221" s="14" t="s">
        <v>4169</v>
      </c>
      <c r="B2221" s="9" t="s">
        <v>4118</v>
      </c>
      <c r="C2221" s="10" t="s">
        <v>4026</v>
      </c>
      <c r="D2221" s="9" t="s">
        <v>4119</v>
      </c>
      <c r="E2221" s="9" t="s">
        <v>196</v>
      </c>
      <c r="F2221" s="11">
        <v>47422</v>
      </c>
    </row>
    <row r="2222" spans="1:6" s="38" customFormat="1" ht="27.75" customHeight="1">
      <c r="A2222" s="12" t="s">
        <v>4170</v>
      </c>
      <c r="B2222" s="13" t="s">
        <v>4118</v>
      </c>
      <c r="C2222" s="10" t="s">
        <v>4026</v>
      </c>
      <c r="D2222" s="13" t="s">
        <v>4119</v>
      </c>
      <c r="E2222" s="13" t="s">
        <v>44</v>
      </c>
      <c r="F2222" s="11">
        <v>47452</v>
      </c>
    </row>
    <row r="2223" spans="1:6" s="38" customFormat="1" ht="27.75" customHeight="1">
      <c r="A2223" s="23" t="s">
        <v>4171</v>
      </c>
      <c r="B2223" s="9" t="s">
        <v>4118</v>
      </c>
      <c r="C2223" s="10" t="s">
        <v>4026</v>
      </c>
      <c r="D2223" s="9" t="s">
        <v>4119</v>
      </c>
      <c r="E2223" s="24" t="s">
        <v>524</v>
      </c>
      <c r="F2223" s="11">
        <v>47422</v>
      </c>
    </row>
    <row r="2224" spans="1:6" s="38" customFormat="1" ht="27.75" customHeight="1">
      <c r="A2224" s="15" t="s">
        <v>4172</v>
      </c>
      <c r="B2224" s="9" t="s">
        <v>4118</v>
      </c>
      <c r="C2224" s="10" t="s">
        <v>4026</v>
      </c>
      <c r="D2224" s="9" t="s">
        <v>4119</v>
      </c>
      <c r="E2224" s="13" t="s">
        <v>196</v>
      </c>
      <c r="F2224" s="11">
        <v>46142</v>
      </c>
    </row>
    <row r="2225" spans="1:6" s="38" customFormat="1" ht="27.75" customHeight="1">
      <c r="A2225" s="14" t="s">
        <v>4173</v>
      </c>
      <c r="B2225" s="9" t="s">
        <v>4118</v>
      </c>
      <c r="C2225" s="10" t="s">
        <v>4026</v>
      </c>
      <c r="D2225" s="9" t="s">
        <v>4119</v>
      </c>
      <c r="E2225" s="9" t="s">
        <v>2048</v>
      </c>
      <c r="F2225" s="11">
        <v>46446</v>
      </c>
    </row>
    <row r="2226" spans="1:6" s="38" customFormat="1" ht="27.75" customHeight="1">
      <c r="A2226" s="12" t="s">
        <v>4174</v>
      </c>
      <c r="B2226" s="13" t="s">
        <v>4118</v>
      </c>
      <c r="C2226" s="10" t="s">
        <v>4026</v>
      </c>
      <c r="D2226" s="13" t="s">
        <v>4119</v>
      </c>
      <c r="E2226" s="13" t="s">
        <v>4175</v>
      </c>
      <c r="F2226" s="11">
        <v>47422</v>
      </c>
    </row>
    <row r="2227" spans="1:6" s="38" customFormat="1" ht="27.75" customHeight="1">
      <c r="A2227" s="14" t="s">
        <v>4176</v>
      </c>
      <c r="B2227" s="9" t="s">
        <v>4118</v>
      </c>
      <c r="C2227" s="10" t="s">
        <v>4026</v>
      </c>
      <c r="D2227" s="9" t="s">
        <v>4119</v>
      </c>
      <c r="E2227" s="9" t="s">
        <v>284</v>
      </c>
      <c r="F2227" s="11">
        <v>47573</v>
      </c>
    </row>
    <row r="2228" spans="1:6" s="38" customFormat="1" ht="27.75" customHeight="1">
      <c r="A2228" s="14" t="s">
        <v>4177</v>
      </c>
      <c r="B2228" s="9" t="s">
        <v>4118</v>
      </c>
      <c r="C2228" s="10" t="s">
        <v>4026</v>
      </c>
      <c r="D2228" s="9" t="s">
        <v>4119</v>
      </c>
      <c r="E2228" s="9" t="s">
        <v>2048</v>
      </c>
      <c r="F2228" s="11">
        <v>46387</v>
      </c>
    </row>
    <row r="2229" spans="1:6" s="38" customFormat="1" ht="27.75" customHeight="1">
      <c r="A2229" s="12" t="s">
        <v>4178</v>
      </c>
      <c r="B2229" s="18" t="s">
        <v>4118</v>
      </c>
      <c r="C2229" s="10" t="s">
        <v>4026</v>
      </c>
      <c r="D2229" s="18" t="s">
        <v>4119</v>
      </c>
      <c r="E2229" s="18" t="s">
        <v>298</v>
      </c>
      <c r="F2229" s="19">
        <v>47573</v>
      </c>
    </row>
    <row r="2230" spans="1:6" s="38" customFormat="1" ht="27.75" customHeight="1">
      <c r="A2230" s="14" t="s">
        <v>4179</v>
      </c>
      <c r="B2230" s="9" t="s">
        <v>4118</v>
      </c>
      <c r="C2230" s="10" t="s">
        <v>4026</v>
      </c>
      <c r="D2230" s="9" t="s">
        <v>4119</v>
      </c>
      <c r="E2230" s="9" t="s">
        <v>298</v>
      </c>
      <c r="F2230" s="11">
        <v>47422</v>
      </c>
    </row>
    <row r="2231" spans="1:6" ht="27.75" customHeight="1">
      <c r="A2231" s="12" t="s">
        <v>4180</v>
      </c>
      <c r="B2231" s="13" t="s">
        <v>4118</v>
      </c>
      <c r="C2231" s="10" t="s">
        <v>4026</v>
      </c>
      <c r="D2231" s="13" t="s">
        <v>4119</v>
      </c>
      <c r="E2231" s="13" t="s">
        <v>270</v>
      </c>
      <c r="F2231" s="11">
        <v>47422</v>
      </c>
    </row>
    <row r="2232" spans="1:6" ht="27.75" customHeight="1">
      <c r="A2232" s="14" t="s">
        <v>4181</v>
      </c>
      <c r="B2232" s="9" t="s">
        <v>4118</v>
      </c>
      <c r="C2232" s="10" t="s">
        <v>4026</v>
      </c>
      <c r="D2232" s="9" t="s">
        <v>4119</v>
      </c>
      <c r="E2232" s="9" t="s">
        <v>40</v>
      </c>
      <c r="F2232" s="11">
        <v>47422</v>
      </c>
    </row>
    <row r="2233" spans="1:6" ht="27.75" customHeight="1">
      <c r="A2233" s="12" t="s">
        <v>4182</v>
      </c>
      <c r="B2233" s="13" t="s">
        <v>4183</v>
      </c>
      <c r="C2233" s="10" t="s">
        <v>4026</v>
      </c>
      <c r="D2233" s="13" t="s">
        <v>4184</v>
      </c>
      <c r="E2233" s="13" t="s">
        <v>2187</v>
      </c>
      <c r="F2233" s="11">
        <v>47664</v>
      </c>
    </row>
    <row r="2234" spans="1:6" ht="27.75" customHeight="1">
      <c r="A2234" s="8" t="s">
        <v>4185</v>
      </c>
      <c r="B2234" s="9" t="s">
        <v>4186</v>
      </c>
      <c r="C2234" s="10" t="s">
        <v>4026</v>
      </c>
      <c r="D2234" s="9" t="s">
        <v>4187</v>
      </c>
      <c r="E2234" s="9" t="s">
        <v>21</v>
      </c>
      <c r="F2234" s="35">
        <v>47299</v>
      </c>
    </row>
    <row r="2235" spans="1:6" ht="27.75" customHeight="1">
      <c r="A2235" s="15" t="s">
        <v>4188</v>
      </c>
      <c r="B2235" s="9" t="s">
        <v>4186</v>
      </c>
      <c r="C2235" s="10" t="s">
        <v>4026</v>
      </c>
      <c r="D2235" s="9" t="s">
        <v>4187</v>
      </c>
      <c r="E2235" s="13" t="s">
        <v>502</v>
      </c>
      <c r="F2235" s="11">
        <v>46873</v>
      </c>
    </row>
    <row r="2236" spans="1:6" ht="27.75" customHeight="1">
      <c r="A2236" s="15" t="s">
        <v>4189</v>
      </c>
      <c r="B2236" s="9" t="s">
        <v>4186</v>
      </c>
      <c r="C2236" s="10" t="s">
        <v>4026</v>
      </c>
      <c r="D2236" s="9" t="s">
        <v>4187</v>
      </c>
      <c r="E2236" s="13" t="s">
        <v>63</v>
      </c>
      <c r="F2236" s="11">
        <v>47603</v>
      </c>
    </row>
    <row r="2237" spans="1:6" ht="27.75" customHeight="1">
      <c r="A2237" s="12" t="s">
        <v>4190</v>
      </c>
      <c r="B2237" s="13" t="s">
        <v>4186</v>
      </c>
      <c r="C2237" s="10" t="s">
        <v>4026</v>
      </c>
      <c r="D2237" s="13" t="s">
        <v>4187</v>
      </c>
      <c r="E2237" s="13" t="s">
        <v>4191</v>
      </c>
      <c r="F2237" s="11">
        <v>47787</v>
      </c>
    </row>
    <row r="2238" spans="1:6" ht="27.75" customHeight="1">
      <c r="A2238" s="12" t="s">
        <v>4192</v>
      </c>
      <c r="B2238" s="13" t="s">
        <v>4186</v>
      </c>
      <c r="C2238" s="10" t="s">
        <v>4026</v>
      </c>
      <c r="D2238" s="13" t="s">
        <v>4187</v>
      </c>
      <c r="E2238" s="13" t="s">
        <v>1085</v>
      </c>
      <c r="F2238" s="11">
        <v>47422</v>
      </c>
    </row>
    <row r="2239" spans="1:6" ht="27.75" customHeight="1">
      <c r="A2239" s="14" t="s">
        <v>4193</v>
      </c>
      <c r="B2239" s="9" t="s">
        <v>4186</v>
      </c>
      <c r="C2239" s="10" t="s">
        <v>4026</v>
      </c>
      <c r="D2239" s="9" t="s">
        <v>4187</v>
      </c>
      <c r="E2239" s="9" t="s">
        <v>21</v>
      </c>
      <c r="F2239" s="11">
        <v>46173</v>
      </c>
    </row>
    <row r="2240" spans="1:6" ht="27.75" customHeight="1">
      <c r="A2240" s="8" t="s">
        <v>4194</v>
      </c>
      <c r="B2240" s="9" t="s">
        <v>4186</v>
      </c>
      <c r="C2240" s="10" t="s">
        <v>4026</v>
      </c>
      <c r="D2240" s="9" t="s">
        <v>4187</v>
      </c>
      <c r="E2240" s="9" t="s">
        <v>424</v>
      </c>
      <c r="F2240" s="35">
        <v>47422</v>
      </c>
    </row>
    <row r="2241" spans="1:6" ht="27.75" customHeight="1">
      <c r="A2241" s="15" t="s">
        <v>4195</v>
      </c>
      <c r="B2241" s="9" t="s">
        <v>4186</v>
      </c>
      <c r="C2241" s="10" t="s">
        <v>4026</v>
      </c>
      <c r="D2241" s="9" t="s">
        <v>4187</v>
      </c>
      <c r="E2241" s="13" t="s">
        <v>21</v>
      </c>
      <c r="F2241" s="11">
        <v>47422</v>
      </c>
    </row>
    <row r="2242" spans="1:6" ht="27.75" customHeight="1">
      <c r="A2242" s="8" t="s">
        <v>4196</v>
      </c>
      <c r="B2242" s="9" t="s">
        <v>4186</v>
      </c>
      <c r="C2242" s="10" t="s">
        <v>4026</v>
      </c>
      <c r="D2242" s="9" t="s">
        <v>4187</v>
      </c>
      <c r="E2242" s="9" t="s">
        <v>63</v>
      </c>
      <c r="F2242" s="35">
        <v>46904</v>
      </c>
    </row>
    <row r="2243" spans="1:6" ht="27.75" customHeight="1">
      <c r="A2243" s="8" t="s">
        <v>4197</v>
      </c>
      <c r="B2243" s="9" t="s">
        <v>4198</v>
      </c>
      <c r="C2243" s="10" t="s">
        <v>4026</v>
      </c>
      <c r="D2243" s="9" t="s">
        <v>4199</v>
      </c>
      <c r="E2243" s="9" t="s">
        <v>40</v>
      </c>
      <c r="F2243" s="35">
        <v>47452</v>
      </c>
    </row>
    <row r="2244" spans="1:6" ht="27.75" customHeight="1">
      <c r="A2244" s="8" t="s">
        <v>4200</v>
      </c>
      <c r="B2244" s="9" t="s">
        <v>4201</v>
      </c>
      <c r="C2244" s="10" t="s">
        <v>4026</v>
      </c>
      <c r="D2244" s="9" t="s">
        <v>4202</v>
      </c>
      <c r="E2244" s="9" t="s">
        <v>86</v>
      </c>
      <c r="F2244" s="35">
        <v>47422</v>
      </c>
    </row>
    <row r="2245" spans="1:6" ht="27.75" customHeight="1">
      <c r="A2245" s="12" t="s">
        <v>4203</v>
      </c>
      <c r="B2245" s="13" t="s">
        <v>4204</v>
      </c>
      <c r="C2245" s="10" t="s">
        <v>4026</v>
      </c>
      <c r="D2245" s="13" t="s">
        <v>4205</v>
      </c>
      <c r="E2245" s="13" t="s">
        <v>63</v>
      </c>
      <c r="F2245" s="11">
        <v>47422</v>
      </c>
    </row>
    <row r="2246" spans="1:6" ht="27.75" customHeight="1">
      <c r="A2246" s="14" t="s">
        <v>4206</v>
      </c>
      <c r="B2246" s="9" t="s">
        <v>4207</v>
      </c>
      <c r="C2246" s="10" t="s">
        <v>4026</v>
      </c>
      <c r="D2246" s="9" t="s">
        <v>4208</v>
      </c>
      <c r="E2246" s="9" t="s">
        <v>44</v>
      </c>
      <c r="F2246" s="11">
        <v>46538</v>
      </c>
    </row>
    <row r="2247" spans="1:6" ht="27.75" customHeight="1">
      <c r="A2247" s="15" t="s">
        <v>4209</v>
      </c>
      <c r="B2247" s="9" t="s">
        <v>4210</v>
      </c>
      <c r="C2247" s="10" t="s">
        <v>4026</v>
      </c>
      <c r="D2247" s="9" t="s">
        <v>4211</v>
      </c>
      <c r="E2247" s="13" t="s">
        <v>1796</v>
      </c>
      <c r="F2247" s="11">
        <v>46295</v>
      </c>
    </row>
    <row r="2248" spans="1:6" ht="27.75" customHeight="1">
      <c r="A2248" s="20" t="s">
        <v>4212</v>
      </c>
      <c r="B2248" s="9" t="s">
        <v>4213</v>
      </c>
      <c r="C2248" s="10" t="s">
        <v>4026</v>
      </c>
      <c r="D2248" s="13" t="s">
        <v>4214</v>
      </c>
      <c r="E2248" s="13" t="s">
        <v>17</v>
      </c>
      <c r="F2248" s="11">
        <v>47422</v>
      </c>
    </row>
    <row r="2249" spans="1:6" ht="27.75" customHeight="1">
      <c r="A2249" s="12" t="s">
        <v>4215</v>
      </c>
      <c r="B2249" s="13" t="s">
        <v>4216</v>
      </c>
      <c r="C2249" s="10" t="s">
        <v>4026</v>
      </c>
      <c r="D2249" s="13" t="s">
        <v>4217</v>
      </c>
      <c r="E2249" s="13" t="s">
        <v>44</v>
      </c>
      <c r="F2249" s="11">
        <v>47422</v>
      </c>
    </row>
    <row r="2250" spans="1:6" ht="27.75" customHeight="1">
      <c r="A2250" s="15" t="s">
        <v>4218</v>
      </c>
      <c r="B2250" s="9" t="s">
        <v>4219</v>
      </c>
      <c r="C2250" s="10" t="s">
        <v>4026</v>
      </c>
      <c r="D2250" s="9" t="s">
        <v>4220</v>
      </c>
      <c r="E2250" s="13" t="s">
        <v>3475</v>
      </c>
      <c r="F2250" s="11">
        <v>47483</v>
      </c>
    </row>
    <row r="2251" spans="1:6" ht="27.75" customHeight="1">
      <c r="A2251" s="8" t="s">
        <v>4221</v>
      </c>
      <c r="B2251" s="9" t="s">
        <v>4222</v>
      </c>
      <c r="C2251" s="10" t="s">
        <v>4026</v>
      </c>
      <c r="D2251" s="9" t="s">
        <v>4223</v>
      </c>
      <c r="E2251" s="9" t="s">
        <v>641</v>
      </c>
      <c r="F2251" s="35">
        <v>47938</v>
      </c>
    </row>
    <row r="2252" spans="1:6" ht="27.75" customHeight="1">
      <c r="A2252" s="8" t="s">
        <v>4224</v>
      </c>
      <c r="B2252" s="9" t="s">
        <v>4225</v>
      </c>
      <c r="C2252" s="10" t="s">
        <v>4026</v>
      </c>
      <c r="D2252" s="9" t="s">
        <v>4226</v>
      </c>
      <c r="E2252" s="9" t="s">
        <v>17</v>
      </c>
      <c r="F2252" s="35">
        <v>47177</v>
      </c>
    </row>
    <row r="2253" spans="1:6" ht="27.75" customHeight="1">
      <c r="A2253" s="12" t="s">
        <v>4227</v>
      </c>
      <c r="B2253" s="13" t="s">
        <v>4228</v>
      </c>
      <c r="C2253" s="10" t="s">
        <v>4026</v>
      </c>
      <c r="D2253" s="13" t="s">
        <v>4229</v>
      </c>
      <c r="E2253" s="13" t="s">
        <v>196</v>
      </c>
      <c r="F2253" s="11">
        <v>47573</v>
      </c>
    </row>
    <row r="2254" spans="1:6" ht="27.75" customHeight="1">
      <c r="A2254" s="12" t="s">
        <v>4230</v>
      </c>
      <c r="B2254" s="13" t="s">
        <v>4222</v>
      </c>
      <c r="C2254" s="10" t="s">
        <v>4026</v>
      </c>
      <c r="D2254" s="13" t="s">
        <v>4231</v>
      </c>
      <c r="E2254" s="13" t="s">
        <v>4232</v>
      </c>
      <c r="F2254" s="11">
        <v>46387</v>
      </c>
    </row>
    <row r="2255" spans="1:6" ht="27.75" customHeight="1">
      <c r="A2255" s="20" t="s">
        <v>4233</v>
      </c>
      <c r="B2255" s="9" t="s">
        <v>4222</v>
      </c>
      <c r="C2255" s="10" t="s">
        <v>4026</v>
      </c>
      <c r="D2255" s="9" t="s">
        <v>4231</v>
      </c>
      <c r="E2255" s="9" t="s">
        <v>253</v>
      </c>
      <c r="F2255" s="11">
        <v>46568</v>
      </c>
    </row>
    <row r="2256" spans="1:6" ht="27.75" customHeight="1">
      <c r="A2256" s="12" t="s">
        <v>4234</v>
      </c>
      <c r="B2256" s="13" t="s">
        <v>4222</v>
      </c>
      <c r="C2256" s="10" t="s">
        <v>4026</v>
      </c>
      <c r="D2256" s="13" t="s">
        <v>4231</v>
      </c>
      <c r="E2256" s="13" t="s">
        <v>3766</v>
      </c>
      <c r="F2256" s="11">
        <v>46112</v>
      </c>
    </row>
    <row r="2257" spans="1:6" ht="27.75" customHeight="1">
      <c r="A2257" s="15" t="s">
        <v>4235</v>
      </c>
      <c r="B2257" s="9" t="s">
        <v>4222</v>
      </c>
      <c r="C2257" s="10" t="s">
        <v>4026</v>
      </c>
      <c r="D2257" s="9" t="s">
        <v>4231</v>
      </c>
      <c r="E2257" s="13" t="s">
        <v>274</v>
      </c>
      <c r="F2257" s="11">
        <v>46873</v>
      </c>
    </row>
    <row r="2258" spans="1:6" ht="27.75" customHeight="1">
      <c r="A2258" s="15" t="s">
        <v>4236</v>
      </c>
      <c r="B2258" s="9" t="s">
        <v>4222</v>
      </c>
      <c r="C2258" s="10" t="s">
        <v>4026</v>
      </c>
      <c r="D2258" s="9" t="s">
        <v>4231</v>
      </c>
      <c r="E2258" s="13" t="s">
        <v>44</v>
      </c>
      <c r="F2258" s="11">
        <v>46568</v>
      </c>
    </row>
    <row r="2259" spans="1:6" ht="27.75" customHeight="1">
      <c r="A2259" s="14" t="s">
        <v>4237</v>
      </c>
      <c r="B2259" s="9" t="s">
        <v>4222</v>
      </c>
      <c r="C2259" s="10" t="s">
        <v>4026</v>
      </c>
      <c r="D2259" s="9" t="s">
        <v>4231</v>
      </c>
      <c r="E2259" s="9" t="s">
        <v>40</v>
      </c>
      <c r="F2259" s="11">
        <v>46873</v>
      </c>
    </row>
    <row r="2260" spans="1:6" ht="27.75" customHeight="1">
      <c r="A2260" s="12" t="s">
        <v>4238</v>
      </c>
      <c r="B2260" s="13" t="s">
        <v>4222</v>
      </c>
      <c r="C2260" s="10" t="s">
        <v>4026</v>
      </c>
      <c r="D2260" s="13" t="s">
        <v>4231</v>
      </c>
      <c r="E2260" s="13" t="s">
        <v>243</v>
      </c>
      <c r="F2260" s="11">
        <v>46873</v>
      </c>
    </row>
    <row r="2261" spans="1:6" ht="27.75" customHeight="1">
      <c r="A2261" s="14" t="s">
        <v>4239</v>
      </c>
      <c r="B2261" s="9" t="s">
        <v>4240</v>
      </c>
      <c r="C2261" s="10" t="s">
        <v>4026</v>
      </c>
      <c r="D2261" s="9" t="s">
        <v>4241</v>
      </c>
      <c r="E2261" s="9" t="s">
        <v>2048</v>
      </c>
      <c r="F2261" s="11">
        <v>47422</v>
      </c>
    </row>
    <row r="2262" spans="1:6" ht="27.75" customHeight="1">
      <c r="A2262" s="12" t="s">
        <v>4242</v>
      </c>
      <c r="B2262" s="13" t="s">
        <v>4243</v>
      </c>
      <c r="C2262" s="10" t="s">
        <v>4026</v>
      </c>
      <c r="D2262" s="13" t="s">
        <v>4244</v>
      </c>
      <c r="E2262" s="13" t="s">
        <v>40</v>
      </c>
      <c r="F2262" s="11">
        <v>47483</v>
      </c>
    </row>
    <row r="2263" spans="1:6" ht="27.75" customHeight="1">
      <c r="A2263" s="8" t="s">
        <v>4245</v>
      </c>
      <c r="B2263" s="13" t="s">
        <v>4246</v>
      </c>
      <c r="C2263" s="10" t="s">
        <v>4026</v>
      </c>
      <c r="D2263" s="13" t="s">
        <v>4247</v>
      </c>
      <c r="E2263" s="13" t="s">
        <v>21</v>
      </c>
      <c r="F2263" s="11">
        <v>47422</v>
      </c>
    </row>
    <row r="2264" spans="1:6" ht="27.75" customHeight="1">
      <c r="A2264" s="8" t="s">
        <v>4248</v>
      </c>
      <c r="B2264" s="9" t="s">
        <v>4249</v>
      </c>
      <c r="C2264" s="10" t="s">
        <v>4250</v>
      </c>
      <c r="D2264" s="9" t="s">
        <v>4251</v>
      </c>
      <c r="E2264" s="9" t="s">
        <v>11</v>
      </c>
      <c r="F2264" s="35">
        <v>47907</v>
      </c>
    </row>
    <row r="2265" spans="1:6" ht="27.75" customHeight="1">
      <c r="A2265" s="8" t="s">
        <v>4252</v>
      </c>
      <c r="B2265" s="9" t="s">
        <v>4249</v>
      </c>
      <c r="C2265" s="10" t="s">
        <v>4250</v>
      </c>
      <c r="D2265" s="9" t="s">
        <v>4253</v>
      </c>
      <c r="E2265" s="9" t="s">
        <v>11</v>
      </c>
      <c r="F2265" s="35">
        <v>47149</v>
      </c>
    </row>
    <row r="2266" spans="1:6" ht="27.75" customHeight="1">
      <c r="A2266" s="15" t="s">
        <v>4254</v>
      </c>
      <c r="B2266" s="9" t="s">
        <v>4255</v>
      </c>
      <c r="C2266" s="10" t="s">
        <v>4250</v>
      </c>
      <c r="D2266" s="9" t="s">
        <v>4256</v>
      </c>
      <c r="E2266" s="13" t="s">
        <v>44</v>
      </c>
      <c r="F2266" s="11">
        <v>47634</v>
      </c>
    </row>
    <row r="2267" spans="1:6" ht="27.75" customHeight="1">
      <c r="A2267" s="15" t="s">
        <v>4257</v>
      </c>
      <c r="B2267" s="9" t="s">
        <v>4258</v>
      </c>
      <c r="C2267" s="10" t="s">
        <v>4250</v>
      </c>
      <c r="D2267" s="9" t="s">
        <v>4259</v>
      </c>
      <c r="E2267" s="13" t="s">
        <v>1085</v>
      </c>
      <c r="F2267" s="11">
        <v>47938</v>
      </c>
    </row>
    <row r="2268" spans="1:6" ht="27.75" customHeight="1">
      <c r="A2268" s="8" t="s">
        <v>4260</v>
      </c>
      <c r="B2268" s="9" t="s">
        <v>4261</v>
      </c>
      <c r="C2268" s="10" t="s">
        <v>4250</v>
      </c>
      <c r="D2268" s="9" t="s">
        <v>4262</v>
      </c>
      <c r="E2268" s="9" t="s">
        <v>228</v>
      </c>
      <c r="F2268" s="35">
        <v>47422</v>
      </c>
    </row>
    <row r="2269" spans="1:6" ht="27.75" customHeight="1">
      <c r="A2269" s="12" t="s">
        <v>4263</v>
      </c>
      <c r="B2269" s="13" t="s">
        <v>4261</v>
      </c>
      <c r="C2269" s="10" t="s">
        <v>4250</v>
      </c>
      <c r="D2269" s="13" t="s">
        <v>4262</v>
      </c>
      <c r="E2269" s="13" t="s">
        <v>86</v>
      </c>
      <c r="F2269" s="11">
        <v>46173</v>
      </c>
    </row>
    <row r="2270" spans="1:6" ht="27.75" customHeight="1">
      <c r="A2270" s="12" t="s">
        <v>4264</v>
      </c>
      <c r="B2270" s="13" t="s">
        <v>4261</v>
      </c>
      <c r="C2270" s="10" t="s">
        <v>4250</v>
      </c>
      <c r="D2270" s="13" t="s">
        <v>4262</v>
      </c>
      <c r="E2270" s="13" t="s">
        <v>228</v>
      </c>
      <c r="F2270" s="11">
        <v>46173</v>
      </c>
    </row>
    <row r="2271" spans="1:6" ht="27.75" customHeight="1">
      <c r="A2271" s="14" t="s">
        <v>4265</v>
      </c>
      <c r="B2271" s="9" t="s">
        <v>4266</v>
      </c>
      <c r="C2271" s="10" t="s">
        <v>4250</v>
      </c>
      <c r="D2271" s="9" t="s">
        <v>4267</v>
      </c>
      <c r="E2271" s="9" t="s">
        <v>4268</v>
      </c>
      <c r="F2271" s="11">
        <v>47422</v>
      </c>
    </row>
    <row r="2272" spans="1:6" ht="27.75" customHeight="1">
      <c r="A2272" s="8" t="s">
        <v>4269</v>
      </c>
      <c r="B2272" s="9" t="s">
        <v>4266</v>
      </c>
      <c r="C2272" s="10" t="s">
        <v>4250</v>
      </c>
      <c r="D2272" s="9" t="s">
        <v>4267</v>
      </c>
      <c r="E2272" s="9" t="s">
        <v>2350</v>
      </c>
      <c r="F2272" s="35">
        <v>47422</v>
      </c>
    </row>
    <row r="2273" spans="1:6" ht="27.75" customHeight="1">
      <c r="A2273" s="14" t="s">
        <v>4270</v>
      </c>
      <c r="B2273" s="9" t="s">
        <v>4271</v>
      </c>
      <c r="C2273" s="10" t="s">
        <v>4250</v>
      </c>
      <c r="D2273" s="9" t="s">
        <v>4272</v>
      </c>
      <c r="E2273" s="9" t="s">
        <v>40</v>
      </c>
      <c r="F2273" s="11">
        <v>46965</v>
      </c>
    </row>
    <row r="2274" spans="1:6" ht="27.75" customHeight="1">
      <c r="A2274" s="15" t="s">
        <v>4273</v>
      </c>
      <c r="B2274" s="9" t="s">
        <v>4274</v>
      </c>
      <c r="C2274" s="10" t="s">
        <v>4250</v>
      </c>
      <c r="D2274" s="9" t="s">
        <v>4275</v>
      </c>
      <c r="E2274" s="13" t="s">
        <v>21</v>
      </c>
      <c r="F2274" s="11">
        <v>46265</v>
      </c>
    </row>
    <row r="2275" spans="1:6" ht="27.75" customHeight="1">
      <c r="A2275" s="12" t="s">
        <v>4276</v>
      </c>
      <c r="B2275" s="13" t="s">
        <v>4277</v>
      </c>
      <c r="C2275" s="10" t="s">
        <v>4250</v>
      </c>
      <c r="D2275" s="13" t="s">
        <v>4275</v>
      </c>
      <c r="E2275" s="13" t="s">
        <v>11</v>
      </c>
      <c r="F2275" s="11">
        <v>46356</v>
      </c>
    </row>
    <row r="2276" spans="1:6" ht="27.75" customHeight="1">
      <c r="A2276" s="15" t="s">
        <v>4278</v>
      </c>
      <c r="B2276" s="9" t="s">
        <v>4277</v>
      </c>
      <c r="C2276" s="10" t="s">
        <v>4250</v>
      </c>
      <c r="D2276" s="9" t="s">
        <v>4275</v>
      </c>
      <c r="E2276" s="13" t="s">
        <v>274</v>
      </c>
      <c r="F2276" s="11">
        <v>47422</v>
      </c>
    </row>
    <row r="2277" spans="1:6" ht="27.75" customHeight="1">
      <c r="A2277" s="12" t="s">
        <v>4279</v>
      </c>
      <c r="B2277" s="13" t="s">
        <v>4277</v>
      </c>
      <c r="C2277" s="10" t="s">
        <v>4250</v>
      </c>
      <c r="D2277" s="13" t="s">
        <v>4275</v>
      </c>
      <c r="E2277" s="13" t="s">
        <v>321</v>
      </c>
      <c r="F2277" s="11">
        <v>47422</v>
      </c>
    </row>
    <row r="2278" spans="1:6" ht="27.75" customHeight="1">
      <c r="A2278" s="12" t="s">
        <v>4280</v>
      </c>
      <c r="B2278" s="13" t="s">
        <v>4277</v>
      </c>
      <c r="C2278" s="10" t="s">
        <v>4250</v>
      </c>
      <c r="D2278" s="13" t="s">
        <v>4275</v>
      </c>
      <c r="E2278" s="13" t="s">
        <v>4281</v>
      </c>
      <c r="F2278" s="11">
        <v>46904</v>
      </c>
    </row>
    <row r="2279" spans="1:6" ht="27.75" customHeight="1">
      <c r="A2279" s="12" t="s">
        <v>4282</v>
      </c>
      <c r="B2279" s="13" t="s">
        <v>4277</v>
      </c>
      <c r="C2279" s="10" t="s">
        <v>4250</v>
      </c>
      <c r="D2279" s="13" t="s">
        <v>4275</v>
      </c>
      <c r="E2279" s="13" t="s">
        <v>524</v>
      </c>
      <c r="F2279" s="11">
        <v>46934</v>
      </c>
    </row>
    <row r="2280" spans="1:6" ht="27.75" customHeight="1">
      <c r="A2280" s="14" t="s">
        <v>4283</v>
      </c>
      <c r="B2280" s="9" t="s">
        <v>4277</v>
      </c>
      <c r="C2280" s="10" t="s">
        <v>4250</v>
      </c>
      <c r="D2280" s="9" t="s">
        <v>4275</v>
      </c>
      <c r="E2280" s="9" t="s">
        <v>4284</v>
      </c>
      <c r="F2280" s="11">
        <v>47422</v>
      </c>
    </row>
    <row r="2281" spans="1:6" ht="27.75" customHeight="1">
      <c r="A2281" s="12" t="s">
        <v>4285</v>
      </c>
      <c r="B2281" s="13" t="s">
        <v>4277</v>
      </c>
      <c r="C2281" s="10" t="s">
        <v>4250</v>
      </c>
      <c r="D2281" s="13" t="s">
        <v>4275</v>
      </c>
      <c r="E2281" s="13" t="s">
        <v>40</v>
      </c>
      <c r="F2281" s="11">
        <v>46904</v>
      </c>
    </row>
    <row r="2282" spans="1:6" ht="27.75" customHeight="1">
      <c r="A2282" s="14" t="s">
        <v>4286</v>
      </c>
      <c r="B2282" s="9" t="s">
        <v>4277</v>
      </c>
      <c r="C2282" s="10" t="s">
        <v>4250</v>
      </c>
      <c r="D2282" s="13" t="s">
        <v>4275</v>
      </c>
      <c r="E2282" s="9" t="s">
        <v>4284</v>
      </c>
      <c r="F2282" s="11">
        <v>47422</v>
      </c>
    </row>
    <row r="2283" spans="1:6" ht="27.75" customHeight="1">
      <c r="A2283" s="12" t="s">
        <v>4287</v>
      </c>
      <c r="B2283" s="13" t="s">
        <v>4277</v>
      </c>
      <c r="C2283" s="10" t="s">
        <v>4250</v>
      </c>
      <c r="D2283" s="13" t="s">
        <v>4275</v>
      </c>
      <c r="E2283" s="13" t="s">
        <v>25</v>
      </c>
      <c r="F2283" s="11">
        <v>47422</v>
      </c>
    </row>
    <row r="2284" spans="1:6" ht="27.75" customHeight="1">
      <c r="A2284" s="20" t="s">
        <v>4288</v>
      </c>
      <c r="B2284" s="9" t="s">
        <v>4277</v>
      </c>
      <c r="C2284" s="10" t="s">
        <v>4250</v>
      </c>
      <c r="D2284" s="9" t="s">
        <v>4275</v>
      </c>
      <c r="E2284" s="13" t="s">
        <v>524</v>
      </c>
      <c r="F2284" s="11">
        <v>46142</v>
      </c>
    </row>
    <row r="2285" spans="1:6" ht="27.75" customHeight="1">
      <c r="A2285" s="17" t="s">
        <v>4289</v>
      </c>
      <c r="B2285" s="9" t="s">
        <v>4277</v>
      </c>
      <c r="C2285" s="10" t="s">
        <v>4250</v>
      </c>
      <c r="D2285" s="9" t="s">
        <v>4275</v>
      </c>
      <c r="E2285" s="9" t="s">
        <v>228</v>
      </c>
      <c r="F2285" s="11">
        <v>47422</v>
      </c>
    </row>
    <row r="2286" spans="1:6" ht="27.75" customHeight="1">
      <c r="A2286" s="12" t="s">
        <v>4290</v>
      </c>
      <c r="B2286" s="13" t="s">
        <v>4277</v>
      </c>
      <c r="C2286" s="10" t="s">
        <v>4250</v>
      </c>
      <c r="D2286" s="13" t="s">
        <v>4275</v>
      </c>
      <c r="E2286" s="13" t="s">
        <v>524</v>
      </c>
      <c r="F2286" s="11">
        <v>46112</v>
      </c>
    </row>
    <row r="2287" spans="1:6" ht="27.75" customHeight="1">
      <c r="A2287" s="17" t="s">
        <v>4291</v>
      </c>
      <c r="B2287" s="9" t="s">
        <v>4277</v>
      </c>
      <c r="C2287" s="10" t="s">
        <v>4250</v>
      </c>
      <c r="D2287" s="9" t="s">
        <v>4275</v>
      </c>
      <c r="E2287" s="9" t="s">
        <v>25</v>
      </c>
      <c r="F2287" s="11">
        <v>47422</v>
      </c>
    </row>
    <row r="2288" spans="1:6" ht="27.75" customHeight="1">
      <c r="A2288" s="12" t="s">
        <v>4292</v>
      </c>
      <c r="B2288" s="13" t="s">
        <v>4277</v>
      </c>
      <c r="C2288" s="10" t="s">
        <v>4250</v>
      </c>
      <c r="D2288" s="13" t="s">
        <v>4275</v>
      </c>
      <c r="E2288" s="13" t="s">
        <v>17</v>
      </c>
      <c r="F2288" s="11">
        <v>47057</v>
      </c>
    </row>
    <row r="2289" spans="1:6" ht="27.75" customHeight="1">
      <c r="A2289" s="14" t="s">
        <v>4293</v>
      </c>
      <c r="B2289" s="9" t="s">
        <v>4277</v>
      </c>
      <c r="C2289" s="10" t="s">
        <v>4250</v>
      </c>
      <c r="D2289" s="9" t="s">
        <v>4275</v>
      </c>
      <c r="E2289" s="9" t="s">
        <v>4284</v>
      </c>
      <c r="F2289" s="11">
        <v>47422</v>
      </c>
    </row>
    <row r="2290" spans="1:6" ht="27.75" customHeight="1">
      <c r="A2290" s="12" t="s">
        <v>4294</v>
      </c>
      <c r="B2290" s="18" t="s">
        <v>4277</v>
      </c>
      <c r="C2290" s="10" t="s">
        <v>4250</v>
      </c>
      <c r="D2290" s="18" t="s">
        <v>4275</v>
      </c>
      <c r="E2290" s="18" t="s">
        <v>40</v>
      </c>
      <c r="F2290" s="19">
        <v>46234</v>
      </c>
    </row>
    <row r="2291" spans="1:6" ht="27.75" customHeight="1">
      <c r="A2291" s="20" t="s">
        <v>4295</v>
      </c>
      <c r="B2291" s="13" t="s">
        <v>4277</v>
      </c>
      <c r="C2291" s="10" t="s">
        <v>4250</v>
      </c>
      <c r="D2291" s="13" t="s">
        <v>4275</v>
      </c>
      <c r="E2291" s="13" t="s">
        <v>524</v>
      </c>
      <c r="F2291" s="11">
        <v>46721</v>
      </c>
    </row>
    <row r="2292" spans="1:6" ht="27.75" customHeight="1">
      <c r="A2292" s="8" t="s">
        <v>4296</v>
      </c>
      <c r="B2292" s="9" t="s">
        <v>4277</v>
      </c>
      <c r="C2292" s="10" t="s">
        <v>4250</v>
      </c>
      <c r="D2292" s="9" t="s">
        <v>4275</v>
      </c>
      <c r="E2292" s="9" t="s">
        <v>513</v>
      </c>
      <c r="F2292" s="35">
        <v>47422</v>
      </c>
    </row>
    <row r="2293" spans="1:6" ht="27.75" customHeight="1">
      <c r="A2293" s="17" t="s">
        <v>4297</v>
      </c>
      <c r="B2293" s="9" t="s">
        <v>4277</v>
      </c>
      <c r="C2293" s="10" t="s">
        <v>4250</v>
      </c>
      <c r="D2293" s="9" t="s">
        <v>4275</v>
      </c>
      <c r="E2293" s="9" t="s">
        <v>11</v>
      </c>
      <c r="F2293" s="11">
        <v>47422</v>
      </c>
    </row>
    <row r="2294" spans="1:6" ht="27.75" customHeight="1">
      <c r="A2294" s="12" t="s">
        <v>4298</v>
      </c>
      <c r="B2294" s="13" t="s">
        <v>4277</v>
      </c>
      <c r="C2294" s="10" t="s">
        <v>4250</v>
      </c>
      <c r="D2294" s="13" t="s">
        <v>4275</v>
      </c>
      <c r="E2294" s="13" t="s">
        <v>228</v>
      </c>
      <c r="F2294" s="11">
        <v>47422</v>
      </c>
    </row>
    <row r="2295" spans="1:6" ht="27.75" customHeight="1">
      <c r="A2295" s="12" t="s">
        <v>4299</v>
      </c>
      <c r="B2295" s="13" t="s">
        <v>4277</v>
      </c>
      <c r="C2295" s="10" t="s">
        <v>4250</v>
      </c>
      <c r="D2295" s="13" t="s">
        <v>4275</v>
      </c>
      <c r="E2295" s="13" t="s">
        <v>228</v>
      </c>
      <c r="F2295" s="11">
        <v>47422</v>
      </c>
    </row>
    <row r="2296" spans="1:6" ht="27.75" customHeight="1">
      <c r="A2296" s="23" t="s">
        <v>4300</v>
      </c>
      <c r="B2296" s="9" t="s">
        <v>4277</v>
      </c>
      <c r="C2296" s="10" t="s">
        <v>4250</v>
      </c>
      <c r="D2296" s="9" t="s">
        <v>4275</v>
      </c>
      <c r="E2296" s="24" t="s">
        <v>40</v>
      </c>
      <c r="F2296" s="11">
        <v>46904</v>
      </c>
    </row>
    <row r="2297" spans="1:6" ht="27.75" customHeight="1">
      <c r="A2297" s="12" t="s">
        <v>4301</v>
      </c>
      <c r="B2297" s="13" t="s">
        <v>4302</v>
      </c>
      <c r="C2297" s="10" t="s">
        <v>4250</v>
      </c>
      <c r="D2297" s="13" t="s">
        <v>4303</v>
      </c>
      <c r="E2297" s="13" t="s">
        <v>243</v>
      </c>
      <c r="F2297" s="11">
        <v>47422</v>
      </c>
    </row>
    <row r="2298" spans="1:6" ht="27.75" customHeight="1">
      <c r="A2298" s="8" t="s">
        <v>4304</v>
      </c>
      <c r="B2298" s="9" t="s">
        <v>4305</v>
      </c>
      <c r="C2298" s="10" t="s">
        <v>4250</v>
      </c>
      <c r="D2298" s="9" t="s">
        <v>4303</v>
      </c>
      <c r="E2298" s="9" t="s">
        <v>21</v>
      </c>
      <c r="F2298" s="35">
        <v>46721</v>
      </c>
    </row>
    <row r="2299" spans="1:6" ht="27.75" customHeight="1">
      <c r="A2299" s="23" t="s">
        <v>4306</v>
      </c>
      <c r="B2299" s="9" t="s">
        <v>4305</v>
      </c>
      <c r="C2299" s="10" t="s">
        <v>4250</v>
      </c>
      <c r="D2299" s="9" t="s">
        <v>4303</v>
      </c>
      <c r="E2299" s="24" t="s">
        <v>21</v>
      </c>
      <c r="F2299" s="11">
        <v>46721</v>
      </c>
    </row>
    <row r="2300" spans="1:6" ht="27.75" customHeight="1">
      <c r="A2300" s="8" t="s">
        <v>4307</v>
      </c>
      <c r="B2300" s="13" t="s">
        <v>4305</v>
      </c>
      <c r="C2300" s="10" t="s">
        <v>4250</v>
      </c>
      <c r="D2300" s="13" t="s">
        <v>4303</v>
      </c>
      <c r="E2300" s="13" t="s">
        <v>228</v>
      </c>
      <c r="F2300" s="11">
        <v>46904</v>
      </c>
    </row>
    <row r="2301" spans="1:6" ht="27.75" customHeight="1">
      <c r="A2301" s="17" t="s">
        <v>4308</v>
      </c>
      <c r="B2301" s="9" t="s">
        <v>4309</v>
      </c>
      <c r="C2301" s="10" t="s">
        <v>4250</v>
      </c>
      <c r="D2301" s="9" t="s">
        <v>4310</v>
      </c>
      <c r="E2301" s="9" t="s">
        <v>44</v>
      </c>
      <c r="F2301" s="11">
        <v>46538</v>
      </c>
    </row>
    <row r="2302" spans="1:6" ht="27.75" customHeight="1">
      <c r="A2302" s="12" t="s">
        <v>4311</v>
      </c>
      <c r="B2302" s="13" t="s">
        <v>4312</v>
      </c>
      <c r="C2302" s="10" t="s">
        <v>4250</v>
      </c>
      <c r="D2302" s="13" t="s">
        <v>4313</v>
      </c>
      <c r="E2302" s="13" t="s">
        <v>21</v>
      </c>
      <c r="F2302" s="11">
        <v>47483</v>
      </c>
    </row>
    <row r="2303" spans="1:6" ht="27.75" customHeight="1">
      <c r="A2303" s="17" t="s">
        <v>4314</v>
      </c>
      <c r="B2303" s="9" t="s">
        <v>4315</v>
      </c>
      <c r="C2303" s="10" t="s">
        <v>4250</v>
      </c>
      <c r="D2303" s="9" t="s">
        <v>4316</v>
      </c>
      <c r="E2303" s="9" t="s">
        <v>234</v>
      </c>
      <c r="F2303" s="11">
        <v>47452</v>
      </c>
    </row>
    <row r="2304" spans="1:6" ht="27.75" customHeight="1">
      <c r="A2304" s="12" t="s">
        <v>4317</v>
      </c>
      <c r="B2304" s="13" t="s">
        <v>2163</v>
      </c>
      <c r="C2304" s="10" t="s">
        <v>4250</v>
      </c>
      <c r="D2304" s="9" t="s">
        <v>4318</v>
      </c>
      <c r="E2304" s="13" t="s">
        <v>35</v>
      </c>
      <c r="F2304" s="11">
        <v>47542</v>
      </c>
    </row>
    <row r="2305" spans="1:6" ht="27.75" customHeight="1">
      <c r="A2305" s="17" t="s">
        <v>4319</v>
      </c>
      <c r="B2305" s="9" t="s">
        <v>4320</v>
      </c>
      <c r="C2305" s="10" t="s">
        <v>4250</v>
      </c>
      <c r="D2305" s="9" t="s">
        <v>4321</v>
      </c>
      <c r="E2305" s="9" t="s">
        <v>196</v>
      </c>
      <c r="F2305" s="11">
        <v>47299</v>
      </c>
    </row>
    <row r="2306" spans="1:6" ht="27.75" customHeight="1">
      <c r="A2306" s="8" t="s">
        <v>4322</v>
      </c>
      <c r="B2306" s="13" t="s">
        <v>4323</v>
      </c>
      <c r="C2306" s="10" t="s">
        <v>4250</v>
      </c>
      <c r="D2306" s="13" t="s">
        <v>4324</v>
      </c>
      <c r="E2306" s="13" t="s">
        <v>40</v>
      </c>
      <c r="F2306" s="11">
        <v>47422</v>
      </c>
    </row>
    <row r="2307" spans="1:6" ht="27.75" customHeight="1">
      <c r="A2307" s="15" t="s">
        <v>4325</v>
      </c>
      <c r="B2307" s="13" t="s">
        <v>4326</v>
      </c>
      <c r="C2307" s="10" t="s">
        <v>4250</v>
      </c>
      <c r="D2307" s="13" t="s">
        <v>4327</v>
      </c>
      <c r="E2307" s="13" t="s">
        <v>196</v>
      </c>
      <c r="F2307" s="11">
        <v>47422</v>
      </c>
    </row>
    <row r="2308" spans="1:6" ht="27.75" customHeight="1">
      <c r="A2308" s="14" t="s">
        <v>4328</v>
      </c>
      <c r="B2308" s="9" t="s">
        <v>4329</v>
      </c>
      <c r="C2308" s="10" t="s">
        <v>4250</v>
      </c>
      <c r="D2308" s="9" t="s">
        <v>4330</v>
      </c>
      <c r="E2308" s="9" t="s">
        <v>21</v>
      </c>
      <c r="F2308" s="11">
        <v>46295</v>
      </c>
    </row>
    <row r="2309" spans="1:6" ht="27.75" customHeight="1">
      <c r="A2309" s="14" t="s">
        <v>4331</v>
      </c>
      <c r="B2309" s="9" t="s">
        <v>4332</v>
      </c>
      <c r="C2309" s="10" t="s">
        <v>4250</v>
      </c>
      <c r="D2309" s="9" t="s">
        <v>4333</v>
      </c>
      <c r="E2309" s="9" t="s">
        <v>4334</v>
      </c>
      <c r="F2309" s="11">
        <v>47514</v>
      </c>
    </row>
    <row r="2310" spans="1:6" ht="27.75" customHeight="1">
      <c r="A2310" s="14" t="s">
        <v>4335</v>
      </c>
      <c r="B2310" s="9" t="s">
        <v>4336</v>
      </c>
      <c r="C2310" s="10" t="s">
        <v>4250</v>
      </c>
      <c r="D2310" s="9" t="s">
        <v>4337</v>
      </c>
      <c r="E2310" s="9" t="s">
        <v>17</v>
      </c>
      <c r="F2310" s="11">
        <v>47634</v>
      </c>
    </row>
    <row r="2311" spans="1:6" ht="27.75" customHeight="1">
      <c r="A2311" s="17" t="s">
        <v>4338</v>
      </c>
      <c r="B2311" s="9" t="s">
        <v>4339</v>
      </c>
      <c r="C2311" s="10" t="s">
        <v>4250</v>
      </c>
      <c r="D2311" s="9" t="s">
        <v>4340</v>
      </c>
      <c r="E2311" s="9" t="s">
        <v>253</v>
      </c>
      <c r="F2311" s="11">
        <v>47422</v>
      </c>
    </row>
    <row r="2312" spans="1:6" ht="27.75" customHeight="1">
      <c r="A2312" s="14" t="s">
        <v>4341</v>
      </c>
      <c r="B2312" s="13" t="s">
        <v>4342</v>
      </c>
      <c r="C2312" s="10" t="s">
        <v>4250</v>
      </c>
      <c r="D2312" s="13" t="s">
        <v>4343</v>
      </c>
      <c r="E2312" s="9" t="s">
        <v>234</v>
      </c>
      <c r="F2312" s="11">
        <v>46387</v>
      </c>
    </row>
    <row r="2313" spans="1:6" ht="27.75" customHeight="1">
      <c r="A2313" s="12" t="s">
        <v>4344</v>
      </c>
      <c r="B2313" s="13" t="s">
        <v>4342</v>
      </c>
      <c r="C2313" s="10" t="s">
        <v>4250</v>
      </c>
      <c r="D2313" s="13" t="s">
        <v>4343</v>
      </c>
      <c r="E2313" s="13" t="s">
        <v>25</v>
      </c>
      <c r="F2313" s="11">
        <v>46477</v>
      </c>
    </row>
    <row r="2314" spans="1:6" ht="27.75" customHeight="1">
      <c r="A2314" s="12" t="s">
        <v>4345</v>
      </c>
      <c r="B2314" s="13" t="s">
        <v>4342</v>
      </c>
      <c r="C2314" s="10" t="s">
        <v>4250</v>
      </c>
      <c r="D2314" s="13" t="s">
        <v>4343</v>
      </c>
      <c r="E2314" s="13" t="s">
        <v>44</v>
      </c>
      <c r="F2314" s="11">
        <v>47422</v>
      </c>
    </row>
    <row r="2315" spans="1:6" ht="27.75" customHeight="1">
      <c r="A2315" s="14" t="s">
        <v>4346</v>
      </c>
      <c r="B2315" s="9" t="s">
        <v>4342</v>
      </c>
      <c r="C2315" s="10" t="s">
        <v>4250</v>
      </c>
      <c r="D2315" s="9" t="s">
        <v>4343</v>
      </c>
      <c r="E2315" s="9" t="s">
        <v>21</v>
      </c>
      <c r="F2315" s="11">
        <v>47756</v>
      </c>
    </row>
    <row r="2316" spans="1:6" ht="27.75" customHeight="1">
      <c r="A2316" s="12" t="s">
        <v>4347</v>
      </c>
      <c r="B2316" s="13" t="s">
        <v>4342</v>
      </c>
      <c r="C2316" s="10" t="s">
        <v>4250</v>
      </c>
      <c r="D2316" s="13" t="s">
        <v>4343</v>
      </c>
      <c r="E2316" s="13" t="s">
        <v>25</v>
      </c>
      <c r="F2316" s="11">
        <v>46965</v>
      </c>
    </row>
    <row r="2317" spans="1:6" ht="27.75" customHeight="1">
      <c r="A2317" s="14" t="s">
        <v>4348</v>
      </c>
      <c r="B2317" s="9" t="s">
        <v>4342</v>
      </c>
      <c r="C2317" s="10" t="s">
        <v>4250</v>
      </c>
      <c r="D2317" s="9" t="s">
        <v>4343</v>
      </c>
      <c r="E2317" s="9" t="s">
        <v>393</v>
      </c>
      <c r="F2317" s="11">
        <v>47299</v>
      </c>
    </row>
    <row r="2318" spans="1:6" ht="27.75" customHeight="1">
      <c r="A2318" s="12" t="s">
        <v>4349</v>
      </c>
      <c r="B2318" s="13" t="s">
        <v>4342</v>
      </c>
      <c r="C2318" s="10" t="s">
        <v>4250</v>
      </c>
      <c r="D2318" s="13" t="s">
        <v>4343</v>
      </c>
      <c r="E2318" s="13" t="s">
        <v>393</v>
      </c>
      <c r="F2318" s="11">
        <v>47483</v>
      </c>
    </row>
    <row r="2319" spans="1:6" ht="27.75" customHeight="1">
      <c r="A2319" s="14" t="s">
        <v>4350</v>
      </c>
      <c r="B2319" s="24" t="s">
        <v>4351</v>
      </c>
      <c r="C2319" s="10" t="s">
        <v>4250</v>
      </c>
      <c r="D2319" s="24" t="s">
        <v>4352</v>
      </c>
      <c r="E2319" s="24" t="s">
        <v>44</v>
      </c>
      <c r="F2319" s="11">
        <v>47634</v>
      </c>
    </row>
    <row r="2320" spans="1:6" ht="27.75" customHeight="1">
      <c r="A2320" s="12" t="s">
        <v>4353</v>
      </c>
      <c r="B2320" s="13" t="s">
        <v>4354</v>
      </c>
      <c r="C2320" s="10" t="s">
        <v>4250</v>
      </c>
      <c r="D2320" s="13" t="s">
        <v>4355</v>
      </c>
      <c r="E2320" s="13" t="s">
        <v>40</v>
      </c>
      <c r="F2320" s="11">
        <v>47208</v>
      </c>
    </row>
    <row r="2321" spans="1:6" ht="27.75" customHeight="1">
      <c r="A2321" s="12" t="s">
        <v>4356</v>
      </c>
      <c r="B2321" s="13" t="s">
        <v>4357</v>
      </c>
      <c r="C2321" s="10" t="s">
        <v>4250</v>
      </c>
      <c r="D2321" s="13" t="s">
        <v>4358</v>
      </c>
      <c r="E2321" s="13" t="s">
        <v>17</v>
      </c>
      <c r="F2321" s="11">
        <v>46477</v>
      </c>
    </row>
    <row r="2322" spans="1:6" ht="27.75" customHeight="1">
      <c r="A2322" s="14" t="s">
        <v>4359</v>
      </c>
      <c r="B2322" s="9" t="s">
        <v>4360</v>
      </c>
      <c r="C2322" s="10" t="s">
        <v>4250</v>
      </c>
      <c r="D2322" s="9" t="s">
        <v>4361</v>
      </c>
      <c r="E2322" s="47" t="s">
        <v>90</v>
      </c>
      <c r="F2322" s="11">
        <v>47422</v>
      </c>
    </row>
    <row r="2323" spans="1:6" ht="27.75" customHeight="1">
      <c r="A2323" s="17" t="s">
        <v>4362</v>
      </c>
      <c r="B2323" s="9" t="s">
        <v>4363</v>
      </c>
      <c r="C2323" s="10" t="s">
        <v>4250</v>
      </c>
      <c r="D2323" s="9" t="s">
        <v>4364</v>
      </c>
      <c r="E2323" s="9" t="s">
        <v>21</v>
      </c>
      <c r="F2323" s="11">
        <v>47573</v>
      </c>
    </row>
    <row r="2324" spans="1:6" ht="27.75" customHeight="1">
      <c r="A2324" s="12" t="s">
        <v>4365</v>
      </c>
      <c r="B2324" s="13" t="s">
        <v>4366</v>
      </c>
      <c r="C2324" s="10" t="s">
        <v>4250</v>
      </c>
      <c r="D2324" s="13" t="s">
        <v>4367</v>
      </c>
      <c r="E2324" s="13" t="s">
        <v>4368</v>
      </c>
      <c r="F2324" s="11">
        <v>46477</v>
      </c>
    </row>
    <row r="2325" spans="1:6" ht="27.75" customHeight="1">
      <c r="A2325" s="14" t="s">
        <v>4369</v>
      </c>
      <c r="B2325" s="9" t="s">
        <v>4370</v>
      </c>
      <c r="C2325" s="10" t="s">
        <v>4250</v>
      </c>
      <c r="D2325" s="9" t="s">
        <v>4371</v>
      </c>
      <c r="E2325" s="9" t="s">
        <v>3024</v>
      </c>
      <c r="F2325" s="11">
        <v>47422</v>
      </c>
    </row>
    <row r="2326" spans="1:6" ht="27.75" customHeight="1">
      <c r="A2326" s="12" t="s">
        <v>4372</v>
      </c>
      <c r="B2326" s="13" t="s">
        <v>4373</v>
      </c>
      <c r="C2326" s="10" t="s">
        <v>4250</v>
      </c>
      <c r="D2326" s="13" t="s">
        <v>4374</v>
      </c>
      <c r="E2326" s="13" t="s">
        <v>4375</v>
      </c>
      <c r="F2326" s="11">
        <v>47422</v>
      </c>
    </row>
    <row r="2327" spans="1:6" ht="27.75" customHeight="1">
      <c r="A2327" s="17" t="s">
        <v>4376</v>
      </c>
      <c r="B2327" s="26" t="s">
        <v>4377</v>
      </c>
      <c r="C2327" s="10" t="s">
        <v>4250</v>
      </c>
      <c r="D2327" s="9" t="s">
        <v>4378</v>
      </c>
      <c r="E2327" s="26" t="s">
        <v>21</v>
      </c>
      <c r="F2327" s="11">
        <v>47634</v>
      </c>
    </row>
    <row r="2328" spans="1:6" ht="27.75" customHeight="1">
      <c r="A2328" s="12" t="s">
        <v>4379</v>
      </c>
      <c r="B2328" s="13" t="s">
        <v>4377</v>
      </c>
      <c r="C2328" s="10" t="s">
        <v>4250</v>
      </c>
      <c r="D2328" s="13" t="s">
        <v>4380</v>
      </c>
      <c r="E2328" s="13" t="s">
        <v>21</v>
      </c>
      <c r="F2328" s="11">
        <v>46568</v>
      </c>
    </row>
    <row r="2329" spans="1:6" ht="27.75" customHeight="1">
      <c r="A2329" s="14" t="s">
        <v>4381</v>
      </c>
      <c r="B2329" s="9" t="s">
        <v>4382</v>
      </c>
      <c r="C2329" s="10" t="s">
        <v>4250</v>
      </c>
      <c r="D2329" s="9" t="s">
        <v>4383</v>
      </c>
      <c r="E2329" s="9" t="s">
        <v>4384</v>
      </c>
      <c r="F2329" s="11">
        <v>47422</v>
      </c>
    </row>
    <row r="2330" spans="1:6" ht="27.75" customHeight="1">
      <c r="A2330" s="17" t="s">
        <v>4385</v>
      </c>
      <c r="B2330" s="9" t="s">
        <v>4386</v>
      </c>
      <c r="C2330" s="10" t="s">
        <v>4387</v>
      </c>
      <c r="D2330" s="9" t="s">
        <v>4388</v>
      </c>
      <c r="E2330" s="9" t="s">
        <v>234</v>
      </c>
      <c r="F2330" s="11">
        <v>46446</v>
      </c>
    </row>
    <row r="2331" spans="1:6" ht="27.75" customHeight="1">
      <c r="A2331" s="14" t="s">
        <v>4389</v>
      </c>
      <c r="B2331" s="9" t="s">
        <v>4390</v>
      </c>
      <c r="C2331" s="10" t="s">
        <v>4387</v>
      </c>
      <c r="D2331" s="9" t="s">
        <v>4391</v>
      </c>
      <c r="E2331" s="9" t="s">
        <v>4392</v>
      </c>
      <c r="F2331" s="11">
        <v>46873</v>
      </c>
    </row>
    <row r="2332" spans="1:6" ht="27.75" customHeight="1">
      <c r="A2332" s="8" t="s">
        <v>4393</v>
      </c>
      <c r="B2332" s="9" t="s">
        <v>4394</v>
      </c>
      <c r="C2332" s="10" t="s">
        <v>4387</v>
      </c>
      <c r="D2332" s="9" t="s">
        <v>4395</v>
      </c>
      <c r="E2332" s="9" t="s">
        <v>17</v>
      </c>
      <c r="F2332" s="35">
        <v>47422</v>
      </c>
    </row>
    <row r="2333" spans="1:6" ht="27.75" customHeight="1">
      <c r="A2333" s="12" t="s">
        <v>4396</v>
      </c>
      <c r="B2333" s="13" t="s">
        <v>4397</v>
      </c>
      <c r="C2333" s="10" t="s">
        <v>4387</v>
      </c>
      <c r="D2333" s="13" t="s">
        <v>4398</v>
      </c>
      <c r="E2333" s="13" t="s">
        <v>40</v>
      </c>
      <c r="F2333" s="11">
        <v>47422</v>
      </c>
    </row>
    <row r="2334" spans="1:6" ht="27.75" customHeight="1">
      <c r="A2334" s="17" t="s">
        <v>4399</v>
      </c>
      <c r="B2334" s="9" t="s">
        <v>4400</v>
      </c>
      <c r="C2334" s="10" t="s">
        <v>4387</v>
      </c>
      <c r="D2334" s="9" t="s">
        <v>4401</v>
      </c>
      <c r="E2334" s="9" t="s">
        <v>21</v>
      </c>
      <c r="F2334" s="11">
        <v>47330</v>
      </c>
    </row>
    <row r="2335" spans="1:6" ht="27.75" customHeight="1">
      <c r="A2335" s="14" t="s">
        <v>4402</v>
      </c>
      <c r="B2335" s="9" t="s">
        <v>4403</v>
      </c>
      <c r="C2335" s="10" t="s">
        <v>4387</v>
      </c>
      <c r="D2335" s="9" t="s">
        <v>4404</v>
      </c>
      <c r="E2335" s="9" t="s">
        <v>21</v>
      </c>
      <c r="F2335" s="11">
        <v>47422</v>
      </c>
    </row>
    <row r="2336" spans="1:6" ht="27.75" customHeight="1">
      <c r="A2336" s="20" t="s">
        <v>4405</v>
      </c>
      <c r="B2336" s="13" t="s">
        <v>4406</v>
      </c>
      <c r="C2336" s="10" t="s">
        <v>4387</v>
      </c>
      <c r="D2336" s="13" t="s">
        <v>4407</v>
      </c>
      <c r="E2336" s="13" t="s">
        <v>44</v>
      </c>
      <c r="F2336" s="11">
        <v>47118</v>
      </c>
    </row>
    <row r="2337" spans="1:6" ht="27.75" customHeight="1">
      <c r="A2337" s="23" t="s">
        <v>4408</v>
      </c>
      <c r="B2337" s="24" t="s">
        <v>4406</v>
      </c>
      <c r="C2337" s="10" t="s">
        <v>4387</v>
      </c>
      <c r="D2337" s="9" t="s">
        <v>4407</v>
      </c>
      <c r="E2337" s="24" t="s">
        <v>44</v>
      </c>
      <c r="F2337" s="11">
        <v>46387</v>
      </c>
    </row>
    <row r="2338" spans="1:6" ht="27.75" customHeight="1">
      <c r="A2338" s="14" t="s">
        <v>4409</v>
      </c>
      <c r="B2338" s="9" t="s">
        <v>4406</v>
      </c>
      <c r="C2338" s="10" t="s">
        <v>4387</v>
      </c>
      <c r="D2338" s="9" t="s">
        <v>4407</v>
      </c>
      <c r="E2338" s="9" t="s">
        <v>44</v>
      </c>
      <c r="F2338" s="11">
        <v>46599</v>
      </c>
    </row>
    <row r="2339" spans="1:6" ht="27.75" customHeight="1">
      <c r="A2339" s="12" t="s">
        <v>4410</v>
      </c>
      <c r="B2339" s="13" t="s">
        <v>4406</v>
      </c>
      <c r="C2339" s="10" t="s">
        <v>4387</v>
      </c>
      <c r="D2339" s="13" t="s">
        <v>4407</v>
      </c>
      <c r="E2339" s="13" t="s">
        <v>44</v>
      </c>
      <c r="F2339" s="11">
        <v>47422</v>
      </c>
    </row>
    <row r="2340" spans="1:6" ht="27.75" customHeight="1">
      <c r="A2340" s="17" t="s">
        <v>4411</v>
      </c>
      <c r="B2340" s="9" t="s">
        <v>4412</v>
      </c>
      <c r="C2340" s="10" t="s">
        <v>4387</v>
      </c>
      <c r="D2340" s="9" t="s">
        <v>4413</v>
      </c>
      <c r="E2340" s="9" t="s">
        <v>4414</v>
      </c>
      <c r="F2340" s="11">
        <v>47422</v>
      </c>
    </row>
    <row r="2341" spans="1:6" ht="27.75" customHeight="1">
      <c r="A2341" s="8" t="s">
        <v>4415</v>
      </c>
      <c r="B2341" s="9" t="s">
        <v>4416</v>
      </c>
      <c r="C2341" s="10" t="s">
        <v>4387</v>
      </c>
      <c r="D2341" s="9" t="s">
        <v>4417</v>
      </c>
      <c r="E2341" s="9" t="s">
        <v>398</v>
      </c>
      <c r="F2341" s="35">
        <v>47422</v>
      </c>
    </row>
    <row r="2342" spans="1:6" ht="27.75" customHeight="1">
      <c r="A2342" s="8" t="s">
        <v>4418</v>
      </c>
      <c r="B2342" s="9" t="s">
        <v>4416</v>
      </c>
      <c r="C2342" s="10" t="s">
        <v>4387</v>
      </c>
      <c r="D2342" s="9" t="s">
        <v>4417</v>
      </c>
      <c r="E2342" s="9" t="s">
        <v>641</v>
      </c>
      <c r="F2342" s="35">
        <v>47422</v>
      </c>
    </row>
    <row r="2343" spans="1:6" ht="27.75" customHeight="1">
      <c r="A2343" s="12" t="s">
        <v>4419</v>
      </c>
      <c r="B2343" s="13" t="s">
        <v>4420</v>
      </c>
      <c r="C2343" s="10" t="s">
        <v>4421</v>
      </c>
      <c r="D2343" s="13" t="s">
        <v>4422</v>
      </c>
      <c r="E2343" s="13" t="s">
        <v>21</v>
      </c>
      <c r="F2343" s="11">
        <v>47422</v>
      </c>
    </row>
    <row r="2344" spans="1:6" ht="27.75" customHeight="1">
      <c r="A2344" s="8" t="s">
        <v>4423</v>
      </c>
      <c r="B2344" s="9" t="s">
        <v>4420</v>
      </c>
      <c r="C2344" s="10" t="s">
        <v>4421</v>
      </c>
      <c r="D2344" s="9" t="s">
        <v>4422</v>
      </c>
      <c r="E2344" s="9" t="s">
        <v>44</v>
      </c>
      <c r="F2344" s="35">
        <v>46904</v>
      </c>
    </row>
    <row r="2345" spans="1:6" ht="27.75" customHeight="1">
      <c r="A2345" s="14" t="s">
        <v>4424</v>
      </c>
      <c r="B2345" s="9" t="s">
        <v>4425</v>
      </c>
      <c r="C2345" s="10" t="s">
        <v>4421</v>
      </c>
      <c r="D2345" s="9" t="s">
        <v>4426</v>
      </c>
      <c r="E2345" s="9" t="s">
        <v>232</v>
      </c>
      <c r="F2345" s="11">
        <v>47422</v>
      </c>
    </row>
    <row r="2346" spans="1:6" ht="27.75" customHeight="1">
      <c r="A2346" s="14" t="s">
        <v>4427</v>
      </c>
      <c r="B2346" s="9" t="s">
        <v>4428</v>
      </c>
      <c r="C2346" s="10" t="s">
        <v>4421</v>
      </c>
      <c r="D2346" s="9" t="s">
        <v>4429</v>
      </c>
      <c r="E2346" s="9" t="s">
        <v>44</v>
      </c>
      <c r="F2346" s="11">
        <v>46418</v>
      </c>
    </row>
    <row r="2347" spans="1:6" ht="27.75" customHeight="1">
      <c r="A2347" s="12" t="s">
        <v>4430</v>
      </c>
      <c r="B2347" s="9" t="s">
        <v>4428</v>
      </c>
      <c r="C2347" s="10" t="s">
        <v>4421</v>
      </c>
      <c r="D2347" s="13" t="s">
        <v>4429</v>
      </c>
      <c r="E2347" s="9" t="s">
        <v>40</v>
      </c>
      <c r="F2347" s="11">
        <v>47208</v>
      </c>
    </row>
    <row r="2348" spans="1:6" ht="27.75" customHeight="1">
      <c r="A2348" s="12" t="s">
        <v>4431</v>
      </c>
      <c r="B2348" s="13" t="s">
        <v>4432</v>
      </c>
      <c r="C2348" s="10" t="s">
        <v>4421</v>
      </c>
      <c r="D2348" s="13" t="s">
        <v>4433</v>
      </c>
      <c r="E2348" s="13" t="s">
        <v>40</v>
      </c>
      <c r="F2348" s="11">
        <v>47634</v>
      </c>
    </row>
    <row r="2349" spans="1:6" ht="27.75" customHeight="1">
      <c r="A2349" s="12" t="s">
        <v>4434</v>
      </c>
      <c r="B2349" s="13" t="s">
        <v>4435</v>
      </c>
      <c r="C2349" s="10" t="s">
        <v>4421</v>
      </c>
      <c r="D2349" s="13" t="s">
        <v>4436</v>
      </c>
      <c r="E2349" s="13" t="s">
        <v>3475</v>
      </c>
      <c r="F2349" s="11">
        <v>47057</v>
      </c>
    </row>
    <row r="2350" spans="1:6" ht="27.75" customHeight="1">
      <c r="A2350" s="14" t="s">
        <v>4437</v>
      </c>
      <c r="B2350" s="24" t="s">
        <v>4432</v>
      </c>
      <c r="C2350" s="10" t="s">
        <v>4421</v>
      </c>
      <c r="D2350" s="24" t="s">
        <v>4438</v>
      </c>
      <c r="E2350" s="24" t="s">
        <v>298</v>
      </c>
      <c r="F2350" s="11">
        <v>47391</v>
      </c>
    </row>
    <row r="2351" spans="1:6" ht="27.75" customHeight="1">
      <c r="A2351" s="12" t="s">
        <v>4439</v>
      </c>
      <c r="B2351" s="13" t="s">
        <v>4432</v>
      </c>
      <c r="C2351" s="10" t="s">
        <v>4421</v>
      </c>
      <c r="D2351" s="13" t="s">
        <v>4438</v>
      </c>
      <c r="E2351" s="13" t="s">
        <v>21</v>
      </c>
      <c r="F2351" s="11">
        <v>47422</v>
      </c>
    </row>
    <row r="2352" spans="1:6" ht="27.75" customHeight="1">
      <c r="A2352" s="12" t="s">
        <v>4440</v>
      </c>
      <c r="B2352" s="13" t="s">
        <v>4432</v>
      </c>
      <c r="C2352" s="10" t="s">
        <v>4421</v>
      </c>
      <c r="D2352" s="13" t="s">
        <v>4438</v>
      </c>
      <c r="E2352" s="13" t="s">
        <v>40</v>
      </c>
      <c r="F2352" s="11">
        <v>47422</v>
      </c>
    </row>
    <row r="2353" spans="1:6" ht="27.75" customHeight="1">
      <c r="A2353" s="14" t="s">
        <v>4441</v>
      </c>
      <c r="B2353" s="9" t="s">
        <v>4432</v>
      </c>
      <c r="C2353" s="10" t="s">
        <v>4421</v>
      </c>
      <c r="D2353" s="9" t="s">
        <v>4438</v>
      </c>
      <c r="E2353" s="9" t="s">
        <v>228</v>
      </c>
      <c r="F2353" s="11">
        <v>46234</v>
      </c>
    </row>
    <row r="2354" spans="1:6" ht="27.75" customHeight="1">
      <c r="A2354" s="12" t="s">
        <v>4442</v>
      </c>
      <c r="B2354" s="13" t="s">
        <v>4432</v>
      </c>
      <c r="C2354" s="10" t="s">
        <v>4421</v>
      </c>
      <c r="D2354" s="13" t="s">
        <v>4438</v>
      </c>
      <c r="E2354" s="13" t="s">
        <v>298</v>
      </c>
      <c r="F2354" s="11">
        <v>47422</v>
      </c>
    </row>
    <row r="2355" spans="1:6" ht="27.75" customHeight="1">
      <c r="A2355" s="12" t="s">
        <v>4443</v>
      </c>
      <c r="B2355" s="13" t="s">
        <v>4444</v>
      </c>
      <c r="C2355" s="10" t="s">
        <v>4421</v>
      </c>
      <c r="D2355" s="13" t="s">
        <v>4445</v>
      </c>
      <c r="E2355" s="13" t="s">
        <v>115</v>
      </c>
      <c r="F2355" s="11">
        <v>47573</v>
      </c>
    </row>
    <row r="2356" spans="1:6" ht="27.75" customHeight="1">
      <c r="A2356" s="14" t="s">
        <v>4446</v>
      </c>
      <c r="B2356" s="9" t="s">
        <v>4447</v>
      </c>
      <c r="C2356" s="10" t="s">
        <v>4421</v>
      </c>
      <c r="D2356" s="9" t="s">
        <v>4448</v>
      </c>
      <c r="E2356" s="9" t="s">
        <v>524</v>
      </c>
      <c r="F2356" s="11">
        <v>46965</v>
      </c>
    </row>
    <row r="2357" spans="1:6" ht="27.75" customHeight="1">
      <c r="A2357" s="14" t="s">
        <v>4449</v>
      </c>
      <c r="B2357" s="9" t="s">
        <v>4450</v>
      </c>
      <c r="C2357" s="10" t="s">
        <v>4421</v>
      </c>
      <c r="D2357" s="9" t="s">
        <v>4451</v>
      </c>
      <c r="E2357" s="9" t="s">
        <v>17</v>
      </c>
      <c r="F2357" s="11">
        <v>47664</v>
      </c>
    </row>
    <row r="2358" spans="1:6" ht="27.75" customHeight="1">
      <c r="A2358" s="17" t="s">
        <v>4452</v>
      </c>
      <c r="B2358" s="9" t="s">
        <v>4453</v>
      </c>
      <c r="C2358" s="10" t="s">
        <v>4421</v>
      </c>
      <c r="D2358" s="9" t="s">
        <v>4454</v>
      </c>
      <c r="E2358" s="9" t="s">
        <v>1644</v>
      </c>
      <c r="F2358" s="11">
        <v>47422</v>
      </c>
    </row>
    <row r="2359" spans="1:6" ht="27.75" customHeight="1">
      <c r="A2359" s="14" t="s">
        <v>4455</v>
      </c>
      <c r="B2359" s="9" t="s">
        <v>4456</v>
      </c>
      <c r="C2359" s="10" t="s">
        <v>4457</v>
      </c>
      <c r="D2359" s="9" t="s">
        <v>4458</v>
      </c>
      <c r="E2359" s="9" t="s">
        <v>21</v>
      </c>
      <c r="F2359" s="11">
        <v>47483</v>
      </c>
    </row>
    <row r="2360" spans="1:6" ht="27.75" customHeight="1">
      <c r="A2360" s="8" t="s">
        <v>4459</v>
      </c>
      <c r="B2360" s="9" t="s">
        <v>4460</v>
      </c>
      <c r="C2360" s="10" t="s">
        <v>4457</v>
      </c>
      <c r="D2360" s="9" t="s">
        <v>4461</v>
      </c>
      <c r="E2360" s="9" t="s">
        <v>11</v>
      </c>
      <c r="F2360" s="35">
        <v>47269</v>
      </c>
    </row>
    <row r="2361" spans="1:6" ht="27.75" customHeight="1">
      <c r="A2361" s="14" t="s">
        <v>4462</v>
      </c>
      <c r="B2361" s="9" t="s">
        <v>4463</v>
      </c>
      <c r="C2361" s="10" t="s">
        <v>4457</v>
      </c>
      <c r="D2361" s="9" t="s">
        <v>4464</v>
      </c>
      <c r="E2361" s="9" t="s">
        <v>228</v>
      </c>
      <c r="F2361" s="11">
        <v>47726</v>
      </c>
    </row>
    <row r="2362" spans="1:6" ht="27.75" customHeight="1">
      <c r="A2362" s="14" t="s">
        <v>4465</v>
      </c>
      <c r="B2362" s="9" t="s">
        <v>4463</v>
      </c>
      <c r="C2362" s="10" t="s">
        <v>4457</v>
      </c>
      <c r="D2362" s="9" t="s">
        <v>4464</v>
      </c>
      <c r="E2362" s="9" t="s">
        <v>228</v>
      </c>
      <c r="F2362" s="11">
        <v>47726</v>
      </c>
    </row>
    <row r="2363" spans="1:6" ht="27.75" customHeight="1">
      <c r="A2363" s="14" t="s">
        <v>4466</v>
      </c>
      <c r="B2363" s="24" t="s">
        <v>4463</v>
      </c>
      <c r="C2363" s="10" t="s">
        <v>4457</v>
      </c>
      <c r="D2363" s="24" t="s">
        <v>4464</v>
      </c>
      <c r="E2363" s="9" t="s">
        <v>196</v>
      </c>
      <c r="F2363" s="11">
        <v>46173</v>
      </c>
    </row>
    <row r="2364" spans="1:6" ht="27.75" customHeight="1">
      <c r="A2364" s="14" t="s">
        <v>4467</v>
      </c>
      <c r="B2364" s="9" t="s">
        <v>4463</v>
      </c>
      <c r="C2364" s="10" t="s">
        <v>4457</v>
      </c>
      <c r="D2364" s="9" t="s">
        <v>4464</v>
      </c>
      <c r="E2364" s="9" t="s">
        <v>196</v>
      </c>
      <c r="F2364" s="11">
        <v>47422</v>
      </c>
    </row>
    <row r="2365" spans="1:6" ht="27.75" customHeight="1">
      <c r="A2365" s="12" t="s">
        <v>4468</v>
      </c>
      <c r="B2365" s="13" t="s">
        <v>4463</v>
      </c>
      <c r="C2365" s="10" t="s">
        <v>4457</v>
      </c>
      <c r="D2365" s="13" t="s">
        <v>4464</v>
      </c>
      <c r="E2365" s="13" t="s">
        <v>4469</v>
      </c>
      <c r="F2365" s="11">
        <v>46265</v>
      </c>
    </row>
    <row r="2366" spans="1:6" ht="27.75" customHeight="1">
      <c r="A2366" s="14" t="s">
        <v>4470</v>
      </c>
      <c r="B2366" s="9" t="s">
        <v>4471</v>
      </c>
      <c r="C2366" s="10" t="s">
        <v>4457</v>
      </c>
      <c r="D2366" s="9" t="s">
        <v>4472</v>
      </c>
      <c r="E2366" s="9" t="s">
        <v>205</v>
      </c>
      <c r="F2366" s="11">
        <v>46203</v>
      </c>
    </row>
    <row r="2367" spans="1:6" ht="27.75" customHeight="1">
      <c r="A2367" s="15" t="s">
        <v>4473</v>
      </c>
      <c r="B2367" s="13" t="s">
        <v>4474</v>
      </c>
      <c r="C2367" s="10" t="s">
        <v>4457</v>
      </c>
      <c r="D2367" s="9" t="s">
        <v>4475</v>
      </c>
      <c r="E2367" s="13" t="s">
        <v>40</v>
      </c>
      <c r="F2367" s="11">
        <v>47422</v>
      </c>
    </row>
    <row r="2368" spans="1:6" ht="27.75" customHeight="1">
      <c r="A2368" s="14" t="s">
        <v>4476</v>
      </c>
      <c r="B2368" s="9" t="s">
        <v>4477</v>
      </c>
      <c r="C2368" s="10" t="s">
        <v>4457</v>
      </c>
      <c r="D2368" s="9" t="s">
        <v>4478</v>
      </c>
      <c r="E2368" s="9" t="s">
        <v>21</v>
      </c>
      <c r="F2368" s="11">
        <v>47573</v>
      </c>
    </row>
    <row r="2369" spans="1:6" ht="27.75" customHeight="1">
      <c r="A2369" s="23" t="s">
        <v>4479</v>
      </c>
      <c r="B2369" s="24" t="s">
        <v>4480</v>
      </c>
      <c r="C2369" s="10" t="s">
        <v>4481</v>
      </c>
      <c r="D2369" s="9" t="s">
        <v>4482</v>
      </c>
      <c r="E2369" s="24" t="s">
        <v>17</v>
      </c>
      <c r="F2369" s="11">
        <v>47542</v>
      </c>
    </row>
    <row r="2370" spans="1:6" ht="27.75" customHeight="1">
      <c r="A2370" s="12" t="s">
        <v>4483</v>
      </c>
      <c r="B2370" s="13" t="s">
        <v>4484</v>
      </c>
      <c r="C2370" s="10" t="s">
        <v>4481</v>
      </c>
      <c r="D2370" s="13" t="s">
        <v>4485</v>
      </c>
      <c r="E2370" s="50" t="s">
        <v>4486</v>
      </c>
      <c r="F2370" s="11">
        <v>47422</v>
      </c>
    </row>
    <row r="2371" spans="1:6" ht="27.75" customHeight="1">
      <c r="A2371" s="23" t="s">
        <v>4487</v>
      </c>
      <c r="B2371" s="24" t="s">
        <v>4488</v>
      </c>
      <c r="C2371" s="10" t="s">
        <v>4481</v>
      </c>
      <c r="D2371" s="9" t="s">
        <v>4489</v>
      </c>
      <c r="E2371" s="24" t="s">
        <v>4490</v>
      </c>
      <c r="F2371" s="11">
        <v>47087</v>
      </c>
    </row>
    <row r="2372" spans="1:6" ht="27.75" customHeight="1">
      <c r="A2372" s="20" t="s">
        <v>4491</v>
      </c>
      <c r="B2372" s="9" t="s">
        <v>4492</v>
      </c>
      <c r="C2372" s="10" t="s">
        <v>4481</v>
      </c>
      <c r="D2372" s="13" t="s">
        <v>4493</v>
      </c>
      <c r="E2372" s="13" t="s">
        <v>21</v>
      </c>
      <c r="F2372" s="11">
        <v>47452</v>
      </c>
    </row>
    <row r="2373" spans="1:6" ht="27.75" customHeight="1">
      <c r="A2373" s="14" t="s">
        <v>4494</v>
      </c>
      <c r="B2373" s="9" t="s">
        <v>4495</v>
      </c>
      <c r="C2373" s="10" t="s">
        <v>4481</v>
      </c>
      <c r="D2373" s="9" t="s">
        <v>4496</v>
      </c>
      <c r="E2373" s="9" t="s">
        <v>17</v>
      </c>
      <c r="F2373" s="11">
        <v>47422</v>
      </c>
    </row>
    <row r="2374" spans="1:6" ht="27.75" customHeight="1">
      <c r="A2374" s="14" t="s">
        <v>4497</v>
      </c>
      <c r="B2374" s="9" t="s">
        <v>4498</v>
      </c>
      <c r="C2374" s="10" t="s">
        <v>4481</v>
      </c>
      <c r="D2374" s="9" t="s">
        <v>4499</v>
      </c>
      <c r="E2374" s="9" t="s">
        <v>298</v>
      </c>
      <c r="F2374" s="11">
        <v>47422</v>
      </c>
    </row>
    <row r="2375" spans="1:6" ht="27.75" customHeight="1">
      <c r="A2375" s="12" t="s">
        <v>4500</v>
      </c>
      <c r="B2375" s="13" t="s">
        <v>4501</v>
      </c>
      <c r="C2375" s="10" t="s">
        <v>4481</v>
      </c>
      <c r="D2375" s="13" t="s">
        <v>4502</v>
      </c>
      <c r="E2375" s="13" t="s">
        <v>809</v>
      </c>
      <c r="F2375" s="11">
        <v>47269</v>
      </c>
    </row>
    <row r="2376" spans="1:6" ht="27.75" customHeight="1">
      <c r="A2376" s="8" t="s">
        <v>4503</v>
      </c>
      <c r="B2376" s="9" t="s">
        <v>4501</v>
      </c>
      <c r="C2376" s="10" t="s">
        <v>4481</v>
      </c>
      <c r="D2376" s="9" t="s">
        <v>4502</v>
      </c>
      <c r="E2376" s="9" t="s">
        <v>2048</v>
      </c>
      <c r="F2376" s="35">
        <v>47422</v>
      </c>
    </row>
    <row r="2377" spans="1:6" ht="27.75" customHeight="1">
      <c r="A2377" s="12" t="s">
        <v>4504</v>
      </c>
      <c r="B2377" s="13" t="s">
        <v>4501</v>
      </c>
      <c r="C2377" s="10" t="s">
        <v>4481</v>
      </c>
      <c r="D2377" s="13" t="s">
        <v>4502</v>
      </c>
      <c r="E2377" s="13" t="s">
        <v>502</v>
      </c>
      <c r="F2377" s="11">
        <v>47422</v>
      </c>
    </row>
    <row r="2378" spans="1:6" ht="27.75" customHeight="1">
      <c r="A2378" s="14" t="s">
        <v>4505</v>
      </c>
      <c r="B2378" s="9" t="s">
        <v>4501</v>
      </c>
      <c r="C2378" s="10" t="s">
        <v>4481</v>
      </c>
      <c r="D2378" s="9" t="s">
        <v>4502</v>
      </c>
      <c r="E2378" s="9" t="s">
        <v>40</v>
      </c>
      <c r="F2378" s="11">
        <v>46599</v>
      </c>
    </row>
    <row r="2379" spans="1:6" ht="27.75" customHeight="1">
      <c r="A2379" s="12" t="s">
        <v>4506</v>
      </c>
      <c r="B2379" s="18" t="s">
        <v>4501</v>
      </c>
      <c r="C2379" s="10" t="s">
        <v>4481</v>
      </c>
      <c r="D2379" s="18" t="s">
        <v>4502</v>
      </c>
      <c r="E2379" s="18" t="s">
        <v>40</v>
      </c>
      <c r="F2379" s="19">
        <v>47422</v>
      </c>
    </row>
    <row r="2380" spans="1:6" ht="27.75" customHeight="1">
      <c r="A2380" s="12" t="s">
        <v>4507</v>
      </c>
      <c r="B2380" s="18" t="s">
        <v>4501</v>
      </c>
      <c r="C2380" s="10" t="s">
        <v>4481</v>
      </c>
      <c r="D2380" s="18" t="s">
        <v>4502</v>
      </c>
      <c r="E2380" s="18" t="s">
        <v>111</v>
      </c>
      <c r="F2380" s="19">
        <v>47422</v>
      </c>
    </row>
    <row r="2381" spans="1:6" ht="27.75" customHeight="1">
      <c r="A2381" s="12" t="s">
        <v>4508</v>
      </c>
      <c r="B2381" s="13" t="s">
        <v>4501</v>
      </c>
      <c r="C2381" s="10" t="s">
        <v>4481</v>
      </c>
      <c r="D2381" s="13" t="s">
        <v>4502</v>
      </c>
      <c r="E2381" s="13" t="s">
        <v>228</v>
      </c>
      <c r="F2381" s="11">
        <v>47422</v>
      </c>
    </row>
    <row r="2382" spans="1:6" ht="27.75" customHeight="1">
      <c r="A2382" s="14" t="s">
        <v>4509</v>
      </c>
      <c r="B2382" s="9" t="s">
        <v>4501</v>
      </c>
      <c r="C2382" s="10" t="s">
        <v>4481</v>
      </c>
      <c r="D2382" s="9" t="s">
        <v>4502</v>
      </c>
      <c r="E2382" s="9" t="s">
        <v>17</v>
      </c>
      <c r="F2382" s="11">
        <v>47422</v>
      </c>
    </row>
    <row r="2383" spans="1:6" ht="27.75" customHeight="1">
      <c r="A2383" s="12" t="s">
        <v>4510</v>
      </c>
      <c r="B2383" s="13" t="s">
        <v>4511</v>
      </c>
      <c r="C2383" s="10" t="s">
        <v>4481</v>
      </c>
      <c r="D2383" s="13" t="s">
        <v>4512</v>
      </c>
      <c r="E2383" s="13" t="s">
        <v>228</v>
      </c>
      <c r="F2383" s="11">
        <v>47422</v>
      </c>
    </row>
    <row r="2384" spans="1:6" ht="27.75" customHeight="1">
      <c r="A2384" s="12" t="s">
        <v>4513</v>
      </c>
      <c r="B2384" s="13" t="s">
        <v>4514</v>
      </c>
      <c r="C2384" s="10" t="s">
        <v>4515</v>
      </c>
      <c r="D2384" s="13" t="s">
        <v>4516</v>
      </c>
      <c r="E2384" s="13" t="s">
        <v>3753</v>
      </c>
      <c r="F2384" s="11">
        <v>46418</v>
      </c>
    </row>
    <row r="2385" spans="1:6" ht="27.75" customHeight="1">
      <c r="A2385" s="12" t="s">
        <v>4517</v>
      </c>
      <c r="B2385" s="13" t="s">
        <v>4514</v>
      </c>
      <c r="C2385" s="10" t="s">
        <v>4515</v>
      </c>
      <c r="D2385" s="13" t="s">
        <v>4516</v>
      </c>
      <c r="E2385" s="13" t="s">
        <v>274</v>
      </c>
      <c r="F2385" s="11">
        <v>47422</v>
      </c>
    </row>
    <row r="2386" spans="1:6" ht="27.75" customHeight="1">
      <c r="A2386" s="8" t="s">
        <v>4518</v>
      </c>
      <c r="B2386" s="13" t="s">
        <v>4514</v>
      </c>
      <c r="C2386" s="10" t="s">
        <v>4515</v>
      </c>
      <c r="D2386" s="9" t="s">
        <v>4516</v>
      </c>
      <c r="E2386" s="13" t="s">
        <v>44</v>
      </c>
      <c r="F2386" s="11">
        <v>46904</v>
      </c>
    </row>
    <row r="2387" spans="1:6" ht="27.75" customHeight="1">
      <c r="A2387" s="8" t="s">
        <v>4519</v>
      </c>
      <c r="B2387" s="9" t="s">
        <v>4514</v>
      </c>
      <c r="C2387" s="10" t="s">
        <v>4515</v>
      </c>
      <c r="D2387" s="9" t="s">
        <v>4516</v>
      </c>
      <c r="E2387" s="9" t="s">
        <v>115</v>
      </c>
      <c r="F2387" s="35">
        <v>47817</v>
      </c>
    </row>
    <row r="2388" spans="1:6" ht="27.75" customHeight="1">
      <c r="A2388" s="17" t="s">
        <v>4520</v>
      </c>
      <c r="B2388" s="9" t="s">
        <v>4514</v>
      </c>
      <c r="C2388" s="10" t="s">
        <v>4515</v>
      </c>
      <c r="D2388" s="9" t="s">
        <v>4516</v>
      </c>
      <c r="E2388" s="9" t="s">
        <v>11</v>
      </c>
      <c r="F2388" s="11">
        <v>47483</v>
      </c>
    </row>
    <row r="2389" spans="1:6" ht="27.75" customHeight="1">
      <c r="A2389" s="8" t="s">
        <v>4521</v>
      </c>
      <c r="B2389" s="9" t="s">
        <v>4514</v>
      </c>
      <c r="C2389" s="10" t="s">
        <v>4515</v>
      </c>
      <c r="D2389" s="9" t="s">
        <v>4516</v>
      </c>
      <c r="E2389" s="9" t="s">
        <v>115</v>
      </c>
      <c r="F2389" s="11">
        <v>47573</v>
      </c>
    </row>
    <row r="2390" spans="1:6" ht="27.75" customHeight="1">
      <c r="A2390" s="12" t="s">
        <v>4522</v>
      </c>
      <c r="B2390" s="13" t="s">
        <v>4514</v>
      </c>
      <c r="C2390" s="10" t="s">
        <v>4515</v>
      </c>
      <c r="D2390" s="13" t="s">
        <v>4516</v>
      </c>
      <c r="E2390" s="13" t="s">
        <v>1085</v>
      </c>
      <c r="F2390" s="11">
        <v>46691</v>
      </c>
    </row>
    <row r="2391" spans="1:6" ht="27.75" customHeight="1">
      <c r="A2391" s="8" t="s">
        <v>4523</v>
      </c>
      <c r="B2391" s="9" t="s">
        <v>4514</v>
      </c>
      <c r="C2391" s="10" t="s">
        <v>4515</v>
      </c>
      <c r="D2391" s="9" t="s">
        <v>4516</v>
      </c>
      <c r="E2391" s="9" t="s">
        <v>40</v>
      </c>
      <c r="F2391" s="35">
        <v>47756</v>
      </c>
    </row>
    <row r="2392" spans="1:6" ht="27.75" customHeight="1">
      <c r="A2392" s="14" t="s">
        <v>4524</v>
      </c>
      <c r="B2392" s="9" t="s">
        <v>4514</v>
      </c>
      <c r="C2392" s="10" t="s">
        <v>4515</v>
      </c>
      <c r="D2392" s="9" t="s">
        <v>4516</v>
      </c>
      <c r="E2392" s="9" t="s">
        <v>40</v>
      </c>
      <c r="F2392" s="11">
        <v>47422</v>
      </c>
    </row>
    <row r="2393" spans="1:6" ht="27.75" customHeight="1">
      <c r="A2393" s="12" t="s">
        <v>4525</v>
      </c>
      <c r="B2393" s="13" t="s">
        <v>4514</v>
      </c>
      <c r="C2393" s="10" t="s">
        <v>4515</v>
      </c>
      <c r="D2393" s="13" t="s">
        <v>4516</v>
      </c>
      <c r="E2393" s="13" t="s">
        <v>44</v>
      </c>
      <c r="F2393" s="11">
        <v>46538</v>
      </c>
    </row>
    <row r="2394" spans="1:6" ht="27.75" customHeight="1">
      <c r="A2394" s="12" t="s">
        <v>4526</v>
      </c>
      <c r="B2394" s="13" t="s">
        <v>4514</v>
      </c>
      <c r="C2394" s="10" t="s">
        <v>4515</v>
      </c>
      <c r="D2394" s="13" t="s">
        <v>4516</v>
      </c>
      <c r="E2394" s="13" t="s">
        <v>321</v>
      </c>
      <c r="F2394" s="11">
        <v>47483</v>
      </c>
    </row>
    <row r="2395" spans="1:6" ht="27.75" customHeight="1">
      <c r="A2395" s="23" t="s">
        <v>4527</v>
      </c>
      <c r="B2395" s="9" t="s">
        <v>4514</v>
      </c>
      <c r="C2395" s="10" t="s">
        <v>4515</v>
      </c>
      <c r="D2395" s="9" t="s">
        <v>4516</v>
      </c>
      <c r="E2395" s="24" t="s">
        <v>40</v>
      </c>
      <c r="F2395" s="11">
        <v>46568</v>
      </c>
    </row>
    <row r="2396" spans="1:6" ht="27.75" customHeight="1">
      <c r="A2396" s="14" t="s">
        <v>4528</v>
      </c>
      <c r="B2396" s="9" t="s">
        <v>4514</v>
      </c>
      <c r="C2396" s="10" t="s">
        <v>4515</v>
      </c>
      <c r="D2396" s="9" t="s">
        <v>4516</v>
      </c>
      <c r="E2396" s="9" t="s">
        <v>232</v>
      </c>
      <c r="F2396" s="11">
        <v>47422</v>
      </c>
    </row>
    <row r="2397" spans="1:6" ht="27.75" customHeight="1">
      <c r="A2397" s="17" t="s">
        <v>4529</v>
      </c>
      <c r="B2397" s="9" t="s">
        <v>4514</v>
      </c>
      <c r="C2397" s="10" t="s">
        <v>4515</v>
      </c>
      <c r="D2397" s="9" t="s">
        <v>4516</v>
      </c>
      <c r="E2397" s="9" t="s">
        <v>232</v>
      </c>
      <c r="F2397" s="11">
        <v>47422</v>
      </c>
    </row>
    <row r="2398" spans="1:6" ht="27.75" customHeight="1">
      <c r="A2398" s="8" t="s">
        <v>4530</v>
      </c>
      <c r="B2398" s="9" t="s">
        <v>4514</v>
      </c>
      <c r="C2398" s="10" t="s">
        <v>4515</v>
      </c>
      <c r="D2398" s="9" t="s">
        <v>4516</v>
      </c>
      <c r="E2398" s="9" t="s">
        <v>234</v>
      </c>
      <c r="F2398" s="35">
        <v>47483</v>
      </c>
    </row>
    <row r="2399" spans="1:6" ht="27.75" customHeight="1">
      <c r="A2399" s="15" t="s">
        <v>4531</v>
      </c>
      <c r="B2399" s="9" t="s">
        <v>4514</v>
      </c>
      <c r="C2399" s="10" t="s">
        <v>4515</v>
      </c>
      <c r="D2399" s="9" t="s">
        <v>4516</v>
      </c>
      <c r="E2399" s="13" t="s">
        <v>232</v>
      </c>
      <c r="F2399" s="11">
        <v>47514</v>
      </c>
    </row>
    <row r="2400" spans="1:6" ht="27.75" customHeight="1">
      <c r="A2400" s="12" t="s">
        <v>4532</v>
      </c>
      <c r="B2400" s="13" t="s">
        <v>4514</v>
      </c>
      <c r="C2400" s="10" t="s">
        <v>4515</v>
      </c>
      <c r="D2400" s="9" t="s">
        <v>4516</v>
      </c>
      <c r="E2400" s="13" t="s">
        <v>25</v>
      </c>
      <c r="F2400" s="11">
        <v>47208</v>
      </c>
    </row>
    <row r="2401" spans="1:6" ht="27.75" customHeight="1">
      <c r="A2401" s="14" t="s">
        <v>4533</v>
      </c>
      <c r="B2401" s="9" t="s">
        <v>4514</v>
      </c>
      <c r="C2401" s="10" t="s">
        <v>4515</v>
      </c>
      <c r="D2401" s="9" t="s">
        <v>4516</v>
      </c>
      <c r="E2401" s="9" t="s">
        <v>823</v>
      </c>
      <c r="F2401" s="11">
        <v>47422</v>
      </c>
    </row>
    <row r="2402" spans="1:6" ht="27.75" customHeight="1">
      <c r="A2402" s="17" t="s">
        <v>4534</v>
      </c>
      <c r="B2402" s="9" t="s">
        <v>4514</v>
      </c>
      <c r="C2402" s="10" t="s">
        <v>4515</v>
      </c>
      <c r="D2402" s="9" t="s">
        <v>4516</v>
      </c>
      <c r="E2402" s="9" t="s">
        <v>274</v>
      </c>
      <c r="F2402" s="11">
        <v>47422</v>
      </c>
    </row>
    <row r="2403" spans="1:6" ht="27.75" customHeight="1">
      <c r="A2403" s="8" t="s">
        <v>4535</v>
      </c>
      <c r="B2403" s="13" t="s">
        <v>4536</v>
      </c>
      <c r="C2403" s="10" t="s">
        <v>4515</v>
      </c>
      <c r="D2403" s="9" t="s">
        <v>4537</v>
      </c>
      <c r="E2403" s="13" t="s">
        <v>55</v>
      </c>
      <c r="F2403" s="11">
        <v>47452</v>
      </c>
    </row>
    <row r="2404" spans="1:6" ht="27.75" customHeight="1">
      <c r="A2404" s="8" t="s">
        <v>4538</v>
      </c>
      <c r="B2404" s="13" t="s">
        <v>4539</v>
      </c>
      <c r="C2404" s="10" t="s">
        <v>4515</v>
      </c>
      <c r="D2404" s="9" t="s">
        <v>4540</v>
      </c>
      <c r="E2404" s="50" t="s">
        <v>4541</v>
      </c>
      <c r="F2404" s="11">
        <v>46783</v>
      </c>
    </row>
    <row r="2405" spans="1:6" ht="27.75" customHeight="1">
      <c r="A2405" s="8" t="s">
        <v>4542</v>
      </c>
      <c r="B2405" s="13" t="s">
        <v>4543</v>
      </c>
      <c r="C2405" s="10" t="s">
        <v>4515</v>
      </c>
      <c r="D2405" s="9" t="s">
        <v>4544</v>
      </c>
      <c r="E2405" s="13" t="s">
        <v>17</v>
      </c>
      <c r="F2405" s="11">
        <v>47422</v>
      </c>
    </row>
    <row r="2406" spans="1:6" ht="27.75" customHeight="1">
      <c r="A2406" s="12" t="s">
        <v>4545</v>
      </c>
      <c r="B2406" s="13" t="s">
        <v>4546</v>
      </c>
      <c r="C2406" s="10" t="s">
        <v>4515</v>
      </c>
      <c r="D2406" s="13" t="s">
        <v>4547</v>
      </c>
      <c r="E2406" s="13" t="s">
        <v>266</v>
      </c>
      <c r="F2406" s="11">
        <v>47299</v>
      </c>
    </row>
    <row r="2407" spans="1:6" ht="27.75" customHeight="1">
      <c r="A2407" s="12" t="s">
        <v>4548</v>
      </c>
      <c r="B2407" s="13" t="s">
        <v>4549</v>
      </c>
      <c r="C2407" s="10" t="s">
        <v>4515</v>
      </c>
      <c r="D2407" s="13" t="s">
        <v>4550</v>
      </c>
      <c r="E2407" s="13" t="s">
        <v>1709</v>
      </c>
      <c r="F2407" s="11">
        <v>47422</v>
      </c>
    </row>
    <row r="2408" spans="1:6" ht="27.75" customHeight="1">
      <c r="A2408" s="8" t="s">
        <v>4551</v>
      </c>
      <c r="B2408" s="9" t="s">
        <v>4552</v>
      </c>
      <c r="C2408" s="10" t="s">
        <v>4553</v>
      </c>
      <c r="D2408" s="9" t="s">
        <v>4554</v>
      </c>
      <c r="E2408" s="9" t="s">
        <v>17</v>
      </c>
      <c r="F2408" s="35">
        <v>47422</v>
      </c>
    </row>
    <row r="2409" spans="1:6" ht="27.75" customHeight="1">
      <c r="A2409" s="39" t="s">
        <v>4555</v>
      </c>
      <c r="B2409" s="9" t="s">
        <v>4556</v>
      </c>
      <c r="C2409" s="10" t="s">
        <v>4553</v>
      </c>
      <c r="D2409" s="9" t="s">
        <v>4557</v>
      </c>
      <c r="E2409" s="9" t="s">
        <v>86</v>
      </c>
      <c r="F2409" s="35">
        <v>47422</v>
      </c>
    </row>
    <row r="2410" spans="1:6" ht="27.75" customHeight="1">
      <c r="A2410" s="39" t="s">
        <v>4558</v>
      </c>
      <c r="B2410" s="9" t="s">
        <v>4559</v>
      </c>
      <c r="C2410" s="10" t="s">
        <v>4553</v>
      </c>
      <c r="D2410" s="9" t="s">
        <v>4560</v>
      </c>
      <c r="E2410" s="9" t="s">
        <v>807</v>
      </c>
      <c r="F2410" s="35">
        <v>46812</v>
      </c>
    </row>
    <row r="2411" spans="1:6" ht="27.75" customHeight="1">
      <c r="A2411" s="39" t="s">
        <v>4561</v>
      </c>
      <c r="B2411" s="9" t="s">
        <v>4562</v>
      </c>
      <c r="C2411" s="10" t="s">
        <v>4553</v>
      </c>
      <c r="D2411" s="9" t="s">
        <v>4563</v>
      </c>
      <c r="E2411" s="9" t="s">
        <v>40</v>
      </c>
      <c r="F2411" s="35">
        <v>47422</v>
      </c>
    </row>
    <row r="2412" spans="1:6" ht="27.75" customHeight="1">
      <c r="A2412" s="39" t="s">
        <v>4564</v>
      </c>
      <c r="B2412" s="9" t="s">
        <v>4565</v>
      </c>
      <c r="C2412" s="10" t="s">
        <v>4553</v>
      </c>
      <c r="D2412" s="9" t="s">
        <v>4566</v>
      </c>
      <c r="E2412" s="9" t="s">
        <v>21</v>
      </c>
      <c r="F2412" s="35">
        <v>47422</v>
      </c>
    </row>
    <row r="2413" spans="1:6" ht="27.75" customHeight="1">
      <c r="A2413" s="39" t="s">
        <v>4567</v>
      </c>
      <c r="B2413" s="9" t="s">
        <v>4568</v>
      </c>
      <c r="C2413" s="10" t="s">
        <v>4553</v>
      </c>
      <c r="D2413" s="9" t="s">
        <v>4569</v>
      </c>
      <c r="E2413" s="9" t="s">
        <v>35</v>
      </c>
      <c r="F2413" s="35">
        <v>47664</v>
      </c>
    </row>
    <row r="2414" spans="1:6" ht="27.75" customHeight="1">
      <c r="A2414" s="39" t="s">
        <v>4570</v>
      </c>
      <c r="B2414" s="9" t="s">
        <v>4568</v>
      </c>
      <c r="C2414" s="10" t="s">
        <v>4553</v>
      </c>
      <c r="D2414" s="9" t="s">
        <v>4569</v>
      </c>
      <c r="E2414" s="9" t="s">
        <v>142</v>
      </c>
      <c r="F2414" s="35">
        <v>47664</v>
      </c>
    </row>
    <row r="2415" spans="1:6" ht="27.75" customHeight="1">
      <c r="A2415" s="39" t="s">
        <v>4571</v>
      </c>
      <c r="B2415" s="9" t="s">
        <v>4572</v>
      </c>
      <c r="C2415" s="10" t="s">
        <v>4553</v>
      </c>
      <c r="D2415" s="9" t="s">
        <v>4573</v>
      </c>
      <c r="E2415" s="9" t="s">
        <v>25</v>
      </c>
      <c r="F2415" s="35">
        <v>47483</v>
      </c>
    </row>
    <row r="2416" spans="1:6" ht="27.75" customHeight="1">
      <c r="A2416" s="39" t="s">
        <v>4574</v>
      </c>
      <c r="B2416" s="9" t="s">
        <v>4575</v>
      </c>
      <c r="C2416" s="10" t="s">
        <v>4553</v>
      </c>
      <c r="D2416" s="9" t="s">
        <v>4576</v>
      </c>
      <c r="E2416" s="9" t="s">
        <v>393</v>
      </c>
      <c r="F2416" s="35">
        <v>47422</v>
      </c>
    </row>
    <row r="2417" spans="1:6" ht="27.75" customHeight="1">
      <c r="A2417" s="39" t="s">
        <v>4577</v>
      </c>
      <c r="B2417" s="9" t="s">
        <v>4578</v>
      </c>
      <c r="C2417" s="10" t="s">
        <v>4579</v>
      </c>
      <c r="D2417" s="9" t="s">
        <v>4580</v>
      </c>
      <c r="E2417" s="9" t="s">
        <v>205</v>
      </c>
      <c r="F2417" s="35">
        <v>46783</v>
      </c>
    </row>
    <row r="2418" spans="1:6" ht="27.75" customHeight="1">
      <c r="A2418" s="39" t="s">
        <v>4581</v>
      </c>
      <c r="B2418" s="9" t="s">
        <v>4582</v>
      </c>
      <c r="C2418" s="10" t="s">
        <v>4579</v>
      </c>
      <c r="D2418" s="9" t="s">
        <v>4583</v>
      </c>
      <c r="E2418" s="9" t="s">
        <v>21</v>
      </c>
      <c r="F2418" s="35">
        <v>47422</v>
      </c>
    </row>
    <row r="2419" spans="1:6" ht="27.75" customHeight="1">
      <c r="A2419" s="39" t="s">
        <v>4584</v>
      </c>
      <c r="B2419" s="9" t="s">
        <v>4585</v>
      </c>
      <c r="C2419" s="10" t="s">
        <v>4579</v>
      </c>
      <c r="D2419" s="9" t="s">
        <v>4586</v>
      </c>
      <c r="E2419" s="9" t="s">
        <v>21</v>
      </c>
      <c r="F2419" s="35">
        <v>47422</v>
      </c>
    </row>
    <row r="2420" spans="1:6" ht="27.75" customHeight="1">
      <c r="A2420" s="39" t="s">
        <v>4587</v>
      </c>
      <c r="B2420" s="9" t="s">
        <v>4585</v>
      </c>
      <c r="C2420" s="10" t="s">
        <v>4579</v>
      </c>
      <c r="D2420" s="9" t="s">
        <v>4586</v>
      </c>
      <c r="E2420" s="9" t="s">
        <v>21</v>
      </c>
      <c r="F2420" s="35">
        <v>47422</v>
      </c>
    </row>
    <row r="2421" spans="1:6" ht="27.75" customHeight="1">
      <c r="A2421" s="39" t="s">
        <v>4588</v>
      </c>
      <c r="B2421" s="9" t="s">
        <v>4589</v>
      </c>
      <c r="C2421" s="10" t="s">
        <v>4590</v>
      </c>
      <c r="D2421" s="9" t="s">
        <v>4591</v>
      </c>
      <c r="E2421" s="9" t="s">
        <v>809</v>
      </c>
      <c r="F2421" s="35">
        <v>47422</v>
      </c>
    </row>
    <row r="2422" spans="1:6" ht="27.75" customHeight="1">
      <c r="A2422" s="39" t="s">
        <v>4592</v>
      </c>
      <c r="B2422" s="9" t="s">
        <v>4593</v>
      </c>
      <c r="C2422" s="10" t="s">
        <v>4590</v>
      </c>
      <c r="D2422" s="9" t="s">
        <v>4594</v>
      </c>
      <c r="E2422" s="9" t="s">
        <v>21</v>
      </c>
      <c r="F2422" s="35">
        <v>47422</v>
      </c>
    </row>
    <row r="2423" spans="1:6" ht="27.75" customHeight="1">
      <c r="A2423" s="39" t="s">
        <v>4595</v>
      </c>
      <c r="B2423" s="9" t="s">
        <v>4593</v>
      </c>
      <c r="C2423" s="10" t="s">
        <v>4590</v>
      </c>
      <c r="D2423" s="9" t="s">
        <v>4594</v>
      </c>
      <c r="E2423" s="9" t="s">
        <v>40</v>
      </c>
      <c r="F2423" s="35">
        <v>47573</v>
      </c>
    </row>
    <row r="2424" spans="1:6" ht="27.75" customHeight="1">
      <c r="A2424" s="39" t="s">
        <v>4596</v>
      </c>
      <c r="B2424" s="9" t="s">
        <v>4593</v>
      </c>
      <c r="C2424" s="10" t="s">
        <v>4590</v>
      </c>
      <c r="D2424" s="9" t="s">
        <v>4594</v>
      </c>
      <c r="E2424" s="9" t="s">
        <v>524</v>
      </c>
      <c r="F2424" s="35">
        <v>47422</v>
      </c>
    </row>
    <row r="2425" spans="1:6" ht="27.75" customHeight="1">
      <c r="A2425" s="39" t="s">
        <v>4597</v>
      </c>
      <c r="B2425" s="9" t="s">
        <v>4593</v>
      </c>
      <c r="C2425" s="10" t="s">
        <v>4590</v>
      </c>
      <c r="D2425" s="9" t="s">
        <v>4594</v>
      </c>
      <c r="E2425" s="9" t="s">
        <v>40</v>
      </c>
      <c r="F2425" s="35">
        <v>47817</v>
      </c>
    </row>
    <row r="2426" spans="1:6" ht="27.75" customHeight="1">
      <c r="A2426" s="39" t="s">
        <v>4598</v>
      </c>
      <c r="B2426" s="9" t="s">
        <v>4593</v>
      </c>
      <c r="C2426" s="10" t="s">
        <v>4590</v>
      </c>
      <c r="D2426" s="9" t="s">
        <v>4594</v>
      </c>
      <c r="E2426" s="9" t="s">
        <v>25</v>
      </c>
      <c r="F2426" s="35">
        <v>47542</v>
      </c>
    </row>
    <row r="2427" spans="1:6" ht="27.75" customHeight="1">
      <c r="A2427" s="39" t="s">
        <v>4599</v>
      </c>
      <c r="B2427" s="9" t="s">
        <v>4593</v>
      </c>
      <c r="C2427" s="10" t="s">
        <v>4590</v>
      </c>
      <c r="D2427" s="9" t="s">
        <v>4594</v>
      </c>
      <c r="E2427" s="9" t="s">
        <v>253</v>
      </c>
      <c r="F2427" s="35">
        <v>47422</v>
      </c>
    </row>
    <row r="2428" spans="1:6" ht="27.75" customHeight="1">
      <c r="A2428" s="39" t="s">
        <v>4600</v>
      </c>
      <c r="B2428" s="9" t="s">
        <v>4593</v>
      </c>
      <c r="C2428" s="10" t="s">
        <v>4590</v>
      </c>
      <c r="D2428" s="9" t="s">
        <v>4594</v>
      </c>
      <c r="E2428" s="9" t="s">
        <v>11</v>
      </c>
      <c r="F2428" s="35">
        <v>47422</v>
      </c>
    </row>
    <row r="2429" spans="1:6" ht="27.75" customHeight="1">
      <c r="A2429" s="39" t="s">
        <v>4601</v>
      </c>
      <c r="B2429" s="9" t="s">
        <v>4593</v>
      </c>
      <c r="C2429" s="10" t="s">
        <v>4590</v>
      </c>
      <c r="D2429" s="9" t="s">
        <v>4594</v>
      </c>
      <c r="E2429" s="9" t="s">
        <v>393</v>
      </c>
      <c r="F2429" s="35">
        <v>46326</v>
      </c>
    </row>
    <row r="2430" spans="1:6" ht="27.75" customHeight="1">
      <c r="A2430" s="39" t="s">
        <v>4602</v>
      </c>
      <c r="B2430" s="9" t="s">
        <v>4593</v>
      </c>
      <c r="C2430" s="10" t="s">
        <v>4590</v>
      </c>
      <c r="D2430" s="9" t="s">
        <v>4594</v>
      </c>
      <c r="E2430" s="9" t="s">
        <v>63</v>
      </c>
      <c r="F2430" s="35">
        <v>47422</v>
      </c>
    </row>
    <row r="2431" spans="1:6" ht="27.75" customHeight="1">
      <c r="A2431" s="39" t="s">
        <v>4603</v>
      </c>
      <c r="B2431" s="9" t="s">
        <v>4593</v>
      </c>
      <c r="C2431" s="10" t="s">
        <v>4590</v>
      </c>
      <c r="D2431" s="9" t="s">
        <v>4594</v>
      </c>
      <c r="E2431" s="9" t="s">
        <v>4604</v>
      </c>
      <c r="F2431" s="35">
        <v>47634</v>
      </c>
    </row>
    <row r="2432" spans="1:6" ht="27.75" customHeight="1">
      <c r="A2432" s="39" t="s">
        <v>4605</v>
      </c>
      <c r="B2432" s="9" t="s">
        <v>4593</v>
      </c>
      <c r="C2432" s="10" t="s">
        <v>4590</v>
      </c>
      <c r="D2432" s="9" t="s">
        <v>4594</v>
      </c>
      <c r="E2432" s="9" t="s">
        <v>228</v>
      </c>
      <c r="F2432" s="35">
        <v>47573</v>
      </c>
    </row>
    <row r="2433" spans="1:6" ht="27.75" customHeight="1">
      <c r="A2433" s="39" t="s">
        <v>4606</v>
      </c>
      <c r="B2433" s="9" t="s">
        <v>4593</v>
      </c>
      <c r="C2433" s="10" t="s">
        <v>4590</v>
      </c>
      <c r="D2433" s="9" t="s">
        <v>4594</v>
      </c>
      <c r="E2433" s="9" t="s">
        <v>44</v>
      </c>
      <c r="F2433" s="35">
        <v>47422</v>
      </c>
    </row>
    <row r="2434" spans="1:6" ht="27.75" customHeight="1">
      <c r="A2434" s="39" t="s">
        <v>4607</v>
      </c>
      <c r="B2434" s="9" t="s">
        <v>4593</v>
      </c>
      <c r="C2434" s="10" t="s">
        <v>4590</v>
      </c>
      <c r="D2434" s="9" t="s">
        <v>4594</v>
      </c>
      <c r="E2434" s="9" t="s">
        <v>11</v>
      </c>
      <c r="F2434" s="35">
        <v>46538</v>
      </c>
    </row>
    <row r="2435" spans="1:6" ht="27.75" customHeight="1">
      <c r="A2435" s="39" t="s">
        <v>4608</v>
      </c>
      <c r="B2435" s="9" t="s">
        <v>4609</v>
      </c>
      <c r="C2435" s="10" t="s">
        <v>4590</v>
      </c>
      <c r="D2435" s="9" t="s">
        <v>4610</v>
      </c>
      <c r="E2435" s="9" t="s">
        <v>17</v>
      </c>
      <c r="F2435" s="35">
        <v>47422</v>
      </c>
    </row>
    <row r="2436" spans="1:6" ht="27.75" customHeight="1">
      <c r="A2436" s="39" t="s">
        <v>4611</v>
      </c>
      <c r="B2436" s="9" t="s">
        <v>4609</v>
      </c>
      <c r="C2436" s="10" t="s">
        <v>4590</v>
      </c>
      <c r="D2436" s="9" t="s">
        <v>4610</v>
      </c>
      <c r="E2436" s="9" t="s">
        <v>17</v>
      </c>
      <c r="F2436" s="35">
        <v>47756</v>
      </c>
    </row>
    <row r="2437" spans="1:6" ht="27.75" customHeight="1">
      <c r="A2437" s="39" t="s">
        <v>4612</v>
      </c>
      <c r="B2437" s="9" t="s">
        <v>4609</v>
      </c>
      <c r="C2437" s="10" t="s">
        <v>4590</v>
      </c>
      <c r="D2437" s="9" t="s">
        <v>4610</v>
      </c>
      <c r="E2437" s="9" t="s">
        <v>17</v>
      </c>
      <c r="F2437" s="35">
        <v>47422</v>
      </c>
    </row>
    <row r="2438" spans="1:6" ht="27.75" customHeight="1">
      <c r="A2438" s="39" t="s">
        <v>4613</v>
      </c>
      <c r="B2438" s="9" t="s">
        <v>4609</v>
      </c>
      <c r="C2438" s="10" t="s">
        <v>4590</v>
      </c>
      <c r="D2438" s="9" t="s">
        <v>4610</v>
      </c>
      <c r="E2438" s="9" t="s">
        <v>17</v>
      </c>
      <c r="F2438" s="35">
        <v>47422</v>
      </c>
    </row>
    <row r="2439" spans="1:6" ht="27.75" customHeight="1">
      <c r="A2439" s="39" t="s">
        <v>4614</v>
      </c>
      <c r="B2439" s="9" t="s">
        <v>4609</v>
      </c>
      <c r="C2439" s="10" t="s">
        <v>4590</v>
      </c>
      <c r="D2439" s="9" t="s">
        <v>4610</v>
      </c>
      <c r="E2439" s="9" t="s">
        <v>17</v>
      </c>
      <c r="F2439" s="35">
        <v>47422</v>
      </c>
    </row>
    <row r="2440" spans="1:6" ht="27.75" customHeight="1">
      <c r="A2440" s="39" t="s">
        <v>4615</v>
      </c>
      <c r="B2440" s="9" t="s">
        <v>4616</v>
      </c>
      <c r="C2440" s="10" t="s">
        <v>4617</v>
      </c>
      <c r="D2440" s="9" t="s">
        <v>4618</v>
      </c>
      <c r="E2440" s="9" t="s">
        <v>21</v>
      </c>
      <c r="F2440" s="35">
        <v>46843</v>
      </c>
    </row>
    <row r="2441" spans="1:6" ht="27.75" customHeight="1">
      <c r="A2441" s="39" t="s">
        <v>4619</v>
      </c>
      <c r="B2441" s="9" t="s">
        <v>4620</v>
      </c>
      <c r="C2441" s="10" t="s">
        <v>4617</v>
      </c>
      <c r="D2441" s="9" t="s">
        <v>4621</v>
      </c>
      <c r="E2441" s="9" t="s">
        <v>40</v>
      </c>
      <c r="F2441" s="35">
        <v>47573</v>
      </c>
    </row>
    <row r="2442" spans="1:6" ht="27.75" customHeight="1">
      <c r="A2442" s="39" t="s">
        <v>4622</v>
      </c>
      <c r="B2442" s="9" t="s">
        <v>4623</v>
      </c>
      <c r="C2442" s="10" t="s">
        <v>4617</v>
      </c>
      <c r="D2442" s="9" t="s">
        <v>4624</v>
      </c>
      <c r="E2442" s="9" t="s">
        <v>44</v>
      </c>
      <c r="F2442" s="35">
        <v>46538</v>
      </c>
    </row>
    <row r="2443" spans="1:6" ht="27.75" customHeight="1">
      <c r="A2443" s="39" t="s">
        <v>4625</v>
      </c>
      <c r="B2443" s="9" t="s">
        <v>4626</v>
      </c>
      <c r="C2443" s="10" t="s">
        <v>4617</v>
      </c>
      <c r="D2443" s="9" t="s">
        <v>4627</v>
      </c>
      <c r="E2443" s="9" t="s">
        <v>40</v>
      </c>
      <c r="F2443" s="35">
        <v>47422</v>
      </c>
    </row>
    <row r="2444" spans="1:6" ht="27.75" customHeight="1">
      <c r="A2444" s="39" t="s">
        <v>4628</v>
      </c>
      <c r="B2444" s="9" t="s">
        <v>4629</v>
      </c>
      <c r="C2444" s="10" t="s">
        <v>4617</v>
      </c>
      <c r="D2444" s="9" t="s">
        <v>4630</v>
      </c>
      <c r="E2444" s="9" t="s">
        <v>17</v>
      </c>
      <c r="F2444" s="35">
        <v>47422</v>
      </c>
    </row>
    <row r="2445" spans="1:6" ht="27.75" customHeight="1">
      <c r="A2445" s="39" t="s">
        <v>4631</v>
      </c>
      <c r="B2445" s="9" t="s">
        <v>4632</v>
      </c>
      <c r="C2445" s="10" t="s">
        <v>4617</v>
      </c>
      <c r="D2445" s="9" t="s">
        <v>4633</v>
      </c>
      <c r="E2445" s="9" t="s">
        <v>393</v>
      </c>
      <c r="F2445" s="35">
        <v>47634</v>
      </c>
    </row>
    <row r="2446" spans="1:6" ht="27.75" customHeight="1">
      <c r="A2446" s="39" t="s">
        <v>4634</v>
      </c>
      <c r="B2446" s="9" t="s">
        <v>4733</v>
      </c>
      <c r="C2446" s="10" t="s">
        <v>4617</v>
      </c>
      <c r="D2446" s="9" t="s">
        <v>4635</v>
      </c>
      <c r="E2446" s="9" t="s">
        <v>97</v>
      </c>
      <c r="F2446" s="35">
        <v>47422</v>
      </c>
    </row>
    <row r="2447" spans="1:6" ht="27.75" customHeight="1">
      <c r="A2447" s="39" t="s">
        <v>4636</v>
      </c>
      <c r="B2447" s="9" t="s">
        <v>4637</v>
      </c>
      <c r="C2447" s="10" t="s">
        <v>4617</v>
      </c>
      <c r="D2447" s="9" t="s">
        <v>4635</v>
      </c>
      <c r="E2447" s="9" t="s">
        <v>4638</v>
      </c>
      <c r="F2447" s="35">
        <v>47422</v>
      </c>
    </row>
    <row r="2448" spans="1:6" ht="27.75" customHeight="1">
      <c r="A2448" s="39" t="s">
        <v>4639</v>
      </c>
      <c r="B2448" s="9" t="s">
        <v>4640</v>
      </c>
      <c r="C2448" s="10" t="s">
        <v>4617</v>
      </c>
      <c r="D2448" s="9" t="s">
        <v>4641</v>
      </c>
      <c r="E2448" s="9" t="s">
        <v>21</v>
      </c>
      <c r="F2448" s="35">
        <v>47361</v>
      </c>
    </row>
    <row r="2449" spans="1:6" ht="27.75" customHeight="1">
      <c r="A2449" s="39" t="s">
        <v>4642</v>
      </c>
      <c r="B2449" s="9" t="s">
        <v>4643</v>
      </c>
      <c r="C2449" s="10" t="s">
        <v>4617</v>
      </c>
      <c r="D2449" s="9" t="s">
        <v>4644</v>
      </c>
      <c r="E2449" s="9" t="s">
        <v>21</v>
      </c>
      <c r="F2449" s="35">
        <v>46904</v>
      </c>
    </row>
    <row r="2450" spans="1:6" ht="27.75" customHeight="1">
      <c r="A2450" s="39" t="s">
        <v>4645</v>
      </c>
      <c r="B2450" s="9" t="s">
        <v>4643</v>
      </c>
      <c r="C2450" s="10" t="s">
        <v>4617</v>
      </c>
      <c r="D2450" s="9" t="s">
        <v>4644</v>
      </c>
      <c r="E2450" s="9" t="s">
        <v>21</v>
      </c>
      <c r="F2450" s="35">
        <v>46173</v>
      </c>
    </row>
    <row r="2451" spans="1:6" ht="27.75" customHeight="1">
      <c r="A2451" s="39" t="s">
        <v>4646</v>
      </c>
      <c r="B2451" s="9" t="s">
        <v>4643</v>
      </c>
      <c r="C2451" s="10" t="s">
        <v>4617</v>
      </c>
      <c r="D2451" s="9" t="s">
        <v>4644</v>
      </c>
      <c r="E2451" s="9" t="s">
        <v>21</v>
      </c>
      <c r="F2451" s="35">
        <v>46904</v>
      </c>
    </row>
    <row r="2452" spans="1:6" ht="27.75" customHeight="1">
      <c r="A2452" s="39" t="s">
        <v>4647</v>
      </c>
      <c r="B2452" s="9" t="s">
        <v>4643</v>
      </c>
      <c r="C2452" s="10" t="s">
        <v>4617</v>
      </c>
      <c r="D2452" s="9" t="s">
        <v>4644</v>
      </c>
      <c r="E2452" s="9" t="s">
        <v>11</v>
      </c>
      <c r="F2452" s="35">
        <v>46173</v>
      </c>
    </row>
    <row r="2453" spans="1:6" ht="27.75" customHeight="1">
      <c r="A2453" s="39" t="s">
        <v>4648</v>
      </c>
      <c r="B2453" s="9" t="s">
        <v>4649</v>
      </c>
      <c r="C2453" s="10" t="s">
        <v>4650</v>
      </c>
      <c r="D2453" s="9" t="s">
        <v>4651</v>
      </c>
      <c r="E2453" s="9" t="s">
        <v>21</v>
      </c>
      <c r="F2453" s="35">
        <v>47938</v>
      </c>
    </row>
    <row r="2454" spans="1:6" ht="27.75" customHeight="1">
      <c r="A2454" s="39" t="s">
        <v>4652</v>
      </c>
      <c r="B2454" s="9" t="s">
        <v>4653</v>
      </c>
      <c r="C2454" s="10" t="s">
        <v>4650</v>
      </c>
      <c r="D2454" s="9" t="s">
        <v>4654</v>
      </c>
      <c r="E2454" s="9" t="s">
        <v>4655</v>
      </c>
      <c r="F2454" s="35">
        <v>47542</v>
      </c>
    </row>
    <row r="2455" spans="1:6" ht="27.75" customHeight="1">
      <c r="A2455" s="39" t="s">
        <v>4656</v>
      </c>
      <c r="B2455" s="9" t="s">
        <v>4657</v>
      </c>
      <c r="C2455" s="10" t="s">
        <v>4650</v>
      </c>
      <c r="D2455" s="9" t="s">
        <v>4658</v>
      </c>
      <c r="E2455" s="47" t="s">
        <v>90</v>
      </c>
      <c r="F2455" s="35">
        <v>47422</v>
      </c>
    </row>
    <row r="2456" spans="1:6" ht="27.75" customHeight="1">
      <c r="A2456" s="39" t="s">
        <v>4659</v>
      </c>
      <c r="B2456" s="9" t="s">
        <v>4660</v>
      </c>
      <c r="C2456" s="10" t="s">
        <v>4661</v>
      </c>
      <c r="D2456" s="9" t="s">
        <v>4662</v>
      </c>
      <c r="E2456" s="9" t="s">
        <v>4663</v>
      </c>
      <c r="F2456" s="35">
        <v>47514</v>
      </c>
    </row>
    <row r="2457" spans="1:6" ht="27.75" customHeight="1">
      <c r="A2457" s="39" t="s">
        <v>4664</v>
      </c>
      <c r="B2457" s="9" t="s">
        <v>4665</v>
      </c>
      <c r="C2457" s="10" t="s">
        <v>4666</v>
      </c>
      <c r="D2457" s="9" t="s">
        <v>4667</v>
      </c>
      <c r="E2457" s="9" t="s">
        <v>21</v>
      </c>
      <c r="F2457" s="35">
        <v>46356</v>
      </c>
    </row>
    <row r="2458" spans="1:6" ht="27.75" customHeight="1">
      <c r="A2458" s="39" t="s">
        <v>4668</v>
      </c>
      <c r="B2458" s="9" t="s">
        <v>4665</v>
      </c>
      <c r="C2458" s="10" t="s">
        <v>4666</v>
      </c>
      <c r="D2458" s="9" t="s">
        <v>4667</v>
      </c>
      <c r="E2458" s="9" t="s">
        <v>21</v>
      </c>
      <c r="F2458" s="35">
        <v>47573</v>
      </c>
    </row>
    <row r="2459" spans="1:6" ht="27.75" customHeight="1">
      <c r="A2459" s="39" t="s">
        <v>4669</v>
      </c>
      <c r="B2459" s="9" t="s">
        <v>4670</v>
      </c>
      <c r="C2459" s="10" t="s">
        <v>4666</v>
      </c>
      <c r="D2459" s="9" t="s">
        <v>4671</v>
      </c>
      <c r="E2459" s="9" t="s">
        <v>44</v>
      </c>
      <c r="F2459" s="35">
        <v>47422</v>
      </c>
    </row>
    <row r="2460" spans="1:6" ht="27.75" customHeight="1">
      <c r="A2460" s="39" t="s">
        <v>4672</v>
      </c>
      <c r="B2460" s="9" t="s">
        <v>4673</v>
      </c>
      <c r="C2460" s="10" t="s">
        <v>4666</v>
      </c>
      <c r="D2460" s="9" t="s">
        <v>4674</v>
      </c>
      <c r="E2460" s="9" t="s">
        <v>4675</v>
      </c>
      <c r="F2460" s="35">
        <v>47422</v>
      </c>
    </row>
    <row r="2461" spans="1:6" ht="27.75" customHeight="1">
      <c r="A2461" s="39" t="s">
        <v>4676</v>
      </c>
      <c r="B2461" s="9" t="s">
        <v>4677</v>
      </c>
      <c r="C2461" s="10" t="s">
        <v>4666</v>
      </c>
      <c r="D2461" s="9" t="s">
        <v>4678</v>
      </c>
      <c r="E2461" s="9" t="s">
        <v>11</v>
      </c>
      <c r="F2461" s="35">
        <v>46904</v>
      </c>
    </row>
    <row r="2462" spans="1:6" ht="27.75" customHeight="1">
      <c r="A2462" s="39" t="s">
        <v>4679</v>
      </c>
      <c r="B2462" s="9" t="s">
        <v>4680</v>
      </c>
      <c r="C2462" s="10" t="s">
        <v>4666</v>
      </c>
      <c r="D2462" s="9" t="s">
        <v>4678</v>
      </c>
      <c r="E2462" s="9" t="s">
        <v>21</v>
      </c>
      <c r="F2462" s="35">
        <v>46812</v>
      </c>
    </row>
    <row r="2463" spans="1:6" ht="27.75" customHeight="1">
      <c r="A2463" s="39" t="s">
        <v>4681</v>
      </c>
      <c r="B2463" s="9" t="s">
        <v>4680</v>
      </c>
      <c r="C2463" s="10" t="s">
        <v>4666</v>
      </c>
      <c r="D2463" s="9" t="s">
        <v>4678</v>
      </c>
      <c r="E2463" s="9" t="s">
        <v>40</v>
      </c>
      <c r="F2463" s="35">
        <v>47603</v>
      </c>
    </row>
    <row r="2464" spans="1:6" ht="27.75" customHeight="1">
      <c r="A2464" s="39" t="s">
        <v>4682</v>
      </c>
      <c r="B2464" s="9" t="s">
        <v>4680</v>
      </c>
      <c r="C2464" s="10" t="s">
        <v>4666</v>
      </c>
      <c r="D2464" s="9" t="s">
        <v>4678</v>
      </c>
      <c r="E2464" s="9" t="s">
        <v>295</v>
      </c>
      <c r="F2464" s="35">
        <v>47422</v>
      </c>
    </row>
    <row r="2465" spans="1:6" ht="27.75" customHeight="1">
      <c r="A2465" s="39" t="s">
        <v>4683</v>
      </c>
      <c r="B2465" s="9" t="s">
        <v>4680</v>
      </c>
      <c r="C2465" s="10" t="s">
        <v>4666</v>
      </c>
      <c r="D2465" s="9" t="s">
        <v>4678</v>
      </c>
      <c r="E2465" s="9" t="s">
        <v>40</v>
      </c>
      <c r="F2465" s="35">
        <v>47208</v>
      </c>
    </row>
    <row r="2466" spans="1:6" ht="27.75" customHeight="1">
      <c r="A2466" s="39" t="s">
        <v>4684</v>
      </c>
      <c r="B2466" s="9" t="s">
        <v>4680</v>
      </c>
      <c r="C2466" s="10" t="s">
        <v>4666</v>
      </c>
      <c r="D2466" s="9" t="s">
        <v>4678</v>
      </c>
      <c r="E2466" s="9" t="s">
        <v>40</v>
      </c>
      <c r="F2466" s="35">
        <v>47603</v>
      </c>
    </row>
    <row r="2467" spans="1:6" ht="27.75" customHeight="1">
      <c r="A2467" s="39" t="s">
        <v>4685</v>
      </c>
      <c r="B2467" s="9" t="s">
        <v>4686</v>
      </c>
      <c r="C2467" s="10" t="s">
        <v>4666</v>
      </c>
      <c r="D2467" s="9" t="s">
        <v>4687</v>
      </c>
      <c r="E2467" s="9" t="s">
        <v>111</v>
      </c>
      <c r="F2467" s="35">
        <v>47695</v>
      </c>
    </row>
    <row r="2468" spans="1:6" ht="27.75" customHeight="1">
      <c r="A2468" s="39" t="s">
        <v>4732</v>
      </c>
      <c r="B2468" s="9" t="s">
        <v>4688</v>
      </c>
      <c r="C2468" s="10" t="s">
        <v>4666</v>
      </c>
      <c r="D2468" s="9" t="s">
        <v>4689</v>
      </c>
      <c r="E2468" s="9" t="s">
        <v>21</v>
      </c>
      <c r="F2468" s="35">
        <v>47422</v>
      </c>
    </row>
    <row r="2469" spans="1:6" ht="27.75" customHeight="1">
      <c r="A2469" s="39" t="s">
        <v>4690</v>
      </c>
      <c r="B2469" s="9" t="s">
        <v>4688</v>
      </c>
      <c r="C2469" s="10" t="s">
        <v>4666</v>
      </c>
      <c r="D2469" s="9" t="s">
        <v>4689</v>
      </c>
      <c r="E2469" s="9" t="s">
        <v>21</v>
      </c>
      <c r="F2469" s="35">
        <v>47422</v>
      </c>
    </row>
    <row r="2470" spans="1:6" ht="27.75" customHeight="1">
      <c r="A2470" s="39" t="s">
        <v>4691</v>
      </c>
      <c r="B2470" s="9" t="s">
        <v>4688</v>
      </c>
      <c r="C2470" s="10" t="s">
        <v>4666</v>
      </c>
      <c r="D2470" s="9" t="s">
        <v>4689</v>
      </c>
      <c r="E2470" s="9" t="s">
        <v>21</v>
      </c>
      <c r="F2470" s="35">
        <v>47422</v>
      </c>
    </row>
    <row r="2471" spans="1:6" ht="27.75" customHeight="1">
      <c r="A2471" s="39" t="s">
        <v>4692</v>
      </c>
      <c r="B2471" s="9" t="s">
        <v>4693</v>
      </c>
      <c r="C2471" s="10" t="s">
        <v>4666</v>
      </c>
      <c r="D2471" s="9" t="s">
        <v>4694</v>
      </c>
      <c r="E2471" s="9" t="s">
        <v>17</v>
      </c>
      <c r="F2471" s="35">
        <v>46418</v>
      </c>
    </row>
    <row r="2472" spans="1:6" ht="27.75" customHeight="1">
      <c r="A2472" s="39" t="s">
        <v>4695</v>
      </c>
      <c r="B2472" s="9" t="s">
        <v>4696</v>
      </c>
      <c r="C2472" s="10" t="s">
        <v>4666</v>
      </c>
      <c r="D2472" s="9" t="s">
        <v>4697</v>
      </c>
      <c r="E2472" s="9" t="s">
        <v>21</v>
      </c>
      <c r="F2472" s="35">
        <v>47422</v>
      </c>
    </row>
    <row r="2473" spans="1:6" ht="27.75" customHeight="1">
      <c r="A2473" s="39" t="s">
        <v>4698</v>
      </c>
      <c r="B2473" s="9" t="s">
        <v>4696</v>
      </c>
      <c r="C2473" s="10" t="s">
        <v>4666</v>
      </c>
      <c r="D2473" s="9" t="s">
        <v>4697</v>
      </c>
      <c r="E2473" s="9" t="s">
        <v>21</v>
      </c>
      <c r="F2473" s="35">
        <v>46873</v>
      </c>
    </row>
    <row r="2474" spans="1:6" ht="27.75" customHeight="1">
      <c r="A2474" s="39" t="s">
        <v>4699</v>
      </c>
      <c r="B2474" s="9" t="s">
        <v>4700</v>
      </c>
      <c r="C2474" s="10" t="s">
        <v>4666</v>
      </c>
      <c r="D2474" s="9" t="s">
        <v>4701</v>
      </c>
      <c r="E2474" s="9" t="s">
        <v>2250</v>
      </c>
      <c r="F2474" s="35">
        <v>46996</v>
      </c>
    </row>
    <row r="2475" spans="1:6" ht="27.75" customHeight="1">
      <c r="A2475" s="39" t="s">
        <v>4702</v>
      </c>
      <c r="B2475" s="9" t="s">
        <v>4700</v>
      </c>
      <c r="C2475" s="10" t="s">
        <v>4666</v>
      </c>
      <c r="D2475" s="9" t="s">
        <v>4701</v>
      </c>
      <c r="E2475" s="9" t="s">
        <v>4703</v>
      </c>
      <c r="F2475" s="35">
        <v>46843</v>
      </c>
    </row>
    <row r="2476" spans="1:6" ht="27.75" customHeight="1">
      <c r="A2476" s="39" t="s">
        <v>4704</v>
      </c>
      <c r="B2476" s="9" t="s">
        <v>4705</v>
      </c>
      <c r="C2476" s="10" t="s">
        <v>4666</v>
      </c>
      <c r="D2476" s="9" t="s">
        <v>4706</v>
      </c>
      <c r="E2476" s="9" t="s">
        <v>17</v>
      </c>
      <c r="F2476" s="35">
        <v>47422</v>
      </c>
    </row>
    <row r="2477" spans="1:6" ht="27.75" customHeight="1">
      <c r="A2477" s="39" t="s">
        <v>4707</v>
      </c>
      <c r="B2477" s="9" t="s">
        <v>4708</v>
      </c>
      <c r="C2477" s="10" t="s">
        <v>4709</v>
      </c>
      <c r="D2477" s="9" t="s">
        <v>4710</v>
      </c>
      <c r="E2477" s="9" t="s">
        <v>21</v>
      </c>
      <c r="F2477" s="35">
        <v>47422</v>
      </c>
    </row>
    <row r="2478" spans="1:6" ht="27.75" customHeight="1">
      <c r="A2478" s="39" t="s">
        <v>4711</v>
      </c>
      <c r="B2478" s="9" t="s">
        <v>4712</v>
      </c>
      <c r="C2478" s="10" t="s">
        <v>4709</v>
      </c>
      <c r="D2478" s="9" t="s">
        <v>4713</v>
      </c>
      <c r="E2478" s="9" t="s">
        <v>40</v>
      </c>
      <c r="F2478" s="35">
        <v>47542</v>
      </c>
    </row>
    <row r="2479" spans="1:6" ht="27.75" customHeight="1">
      <c r="A2479" s="39" t="s">
        <v>4714</v>
      </c>
      <c r="B2479" s="9" t="s">
        <v>4712</v>
      </c>
      <c r="C2479" s="10" t="s">
        <v>4709</v>
      </c>
      <c r="D2479" s="9" t="s">
        <v>4713</v>
      </c>
      <c r="E2479" s="9" t="s">
        <v>21</v>
      </c>
      <c r="F2479" s="35">
        <v>46752</v>
      </c>
    </row>
    <row r="2480" spans="1:6" ht="27.75" customHeight="1">
      <c r="A2480" s="39" t="s">
        <v>4715</v>
      </c>
      <c r="B2480" s="9" t="s">
        <v>4716</v>
      </c>
      <c r="C2480" s="10" t="s">
        <v>4709</v>
      </c>
      <c r="D2480" s="9" t="s">
        <v>4717</v>
      </c>
      <c r="E2480" s="9" t="s">
        <v>234</v>
      </c>
      <c r="F2480" s="35">
        <v>46538</v>
      </c>
    </row>
    <row r="2481" spans="1:6" ht="27.75" customHeight="1">
      <c r="A2481" s="39" t="s">
        <v>4718</v>
      </c>
      <c r="B2481" s="9" t="s">
        <v>4719</v>
      </c>
      <c r="C2481" s="10" t="s">
        <v>4709</v>
      </c>
      <c r="D2481" s="9" t="s">
        <v>4720</v>
      </c>
      <c r="E2481" s="9" t="s">
        <v>2048</v>
      </c>
      <c r="F2481" s="35">
        <v>47361</v>
      </c>
    </row>
    <row r="2482" spans="1:6" ht="27.75" customHeight="1">
      <c r="A2482" s="39" t="s">
        <v>4721</v>
      </c>
      <c r="B2482" s="9" t="s">
        <v>4719</v>
      </c>
      <c r="C2482" s="10" t="s">
        <v>4709</v>
      </c>
      <c r="D2482" s="9" t="s">
        <v>4720</v>
      </c>
      <c r="E2482" s="9" t="s">
        <v>101</v>
      </c>
      <c r="F2482" s="35">
        <v>47634</v>
      </c>
    </row>
    <row r="2483" spans="1:6" ht="27.75" customHeight="1">
      <c r="A2483" s="39" t="s">
        <v>4722</v>
      </c>
      <c r="B2483" s="9" t="s">
        <v>4723</v>
      </c>
      <c r="C2483" s="10" t="s">
        <v>4709</v>
      </c>
      <c r="D2483" s="9" t="s">
        <v>4720</v>
      </c>
      <c r="E2483" s="9" t="s">
        <v>2048</v>
      </c>
      <c r="F2483" s="35">
        <v>47330</v>
      </c>
    </row>
    <row r="2484" spans="1:6" ht="27.75" customHeight="1">
      <c r="A2484" s="39" t="s">
        <v>4724</v>
      </c>
      <c r="B2484" s="9" t="s">
        <v>4725</v>
      </c>
      <c r="C2484" s="10" t="s">
        <v>4709</v>
      </c>
      <c r="D2484" s="9" t="s">
        <v>4726</v>
      </c>
      <c r="E2484" s="9" t="s">
        <v>17</v>
      </c>
      <c r="F2484" s="35">
        <v>47422</v>
      </c>
    </row>
    <row r="2485" spans="1:6" ht="27.75" customHeight="1">
      <c r="A2485" s="39" t="s">
        <v>4727</v>
      </c>
      <c r="B2485" s="9" t="s">
        <v>4728</v>
      </c>
      <c r="C2485" s="10" t="s">
        <v>4709</v>
      </c>
      <c r="D2485" s="9" t="s">
        <v>4729</v>
      </c>
      <c r="E2485" s="9" t="s">
        <v>11</v>
      </c>
      <c r="F2485" s="35">
        <v>47422</v>
      </c>
    </row>
    <row r="2486" spans="1:6" ht="27.75" customHeight="1">
      <c r="A2486" s="39"/>
      <c r="B2486" s="9"/>
      <c r="C2486" s="10"/>
      <c r="D2486" s="9"/>
      <c r="E2486" s="9"/>
      <c r="F2486" s="35"/>
    </row>
    <row r="2487" spans="1:6" ht="27.75" customHeight="1">
      <c r="A2487" s="39"/>
      <c r="B2487" s="9"/>
      <c r="C2487" s="10"/>
      <c r="D2487" s="9"/>
      <c r="E2487" s="9"/>
      <c r="F2487" s="35"/>
    </row>
    <row r="2488" spans="1:6" ht="27.75" customHeight="1">
      <c r="A2488" s="39"/>
      <c r="B2488" s="9"/>
      <c r="C2488" s="10"/>
      <c r="D2488" s="9"/>
      <c r="E2488" s="9"/>
      <c r="F2488" s="35"/>
    </row>
    <row r="2489" spans="1:6" ht="27.75" customHeight="1">
      <c r="A2489" s="39"/>
      <c r="B2489" s="9"/>
      <c r="C2489" s="10"/>
      <c r="D2489" s="9"/>
      <c r="E2489" s="9"/>
      <c r="F2489" s="35"/>
    </row>
    <row r="2490" spans="1:6" ht="27.75" customHeight="1">
      <c r="A2490" s="39"/>
      <c r="B2490" s="9"/>
      <c r="C2490" s="10"/>
      <c r="D2490" s="9"/>
      <c r="E2490" s="9"/>
      <c r="F2490" s="35"/>
    </row>
    <row r="2491" spans="1:6" ht="27.75" customHeight="1">
      <c r="A2491" s="39"/>
      <c r="B2491" s="9"/>
      <c r="C2491" s="10"/>
      <c r="D2491" s="9"/>
      <c r="E2491" s="9"/>
      <c r="F2491" s="35"/>
    </row>
    <row r="2492" spans="1:6" ht="27.75" customHeight="1">
      <c r="A2492" s="39"/>
      <c r="B2492" s="9"/>
      <c r="C2492" s="10"/>
      <c r="D2492" s="9"/>
      <c r="E2492" s="9"/>
      <c r="F2492" s="35"/>
    </row>
    <row r="2493" spans="1:6" ht="27.75" customHeight="1">
      <c r="A2493" s="39"/>
      <c r="B2493" s="9"/>
      <c r="C2493" s="10"/>
      <c r="D2493" s="9"/>
      <c r="E2493" s="9"/>
      <c r="F2493" s="35"/>
    </row>
    <row r="2494" spans="1:6" ht="27.75" customHeight="1">
      <c r="A2494" s="39"/>
      <c r="B2494" s="9"/>
      <c r="C2494" s="10"/>
      <c r="D2494" s="9"/>
      <c r="E2494" s="9"/>
      <c r="F2494" s="35"/>
    </row>
    <row r="2495" spans="1:6" ht="27.75" customHeight="1">
      <c r="A2495" s="39"/>
      <c r="B2495" s="9"/>
      <c r="C2495" s="10"/>
      <c r="D2495" s="9"/>
      <c r="E2495" s="9"/>
      <c r="F2495" s="35"/>
    </row>
    <row r="2496" spans="1:6" ht="27.75" customHeight="1">
      <c r="A2496" s="39"/>
      <c r="B2496" s="9"/>
      <c r="C2496" s="10"/>
      <c r="D2496" s="9"/>
      <c r="E2496" s="9"/>
      <c r="F2496" s="35"/>
    </row>
    <row r="2497" spans="1:6" ht="27.75" customHeight="1">
      <c r="A2497" s="39"/>
      <c r="B2497" s="9"/>
      <c r="C2497" s="10"/>
      <c r="D2497" s="9"/>
      <c r="E2497" s="9"/>
      <c r="F2497" s="35"/>
    </row>
    <row r="2498" spans="1:6" ht="27.75" customHeight="1">
      <c r="A2498" s="39"/>
      <c r="B2498" s="9"/>
      <c r="C2498" s="10"/>
      <c r="D2498" s="9"/>
      <c r="E2498" s="9"/>
      <c r="F2498" s="35"/>
    </row>
    <row r="2499" spans="1:6" ht="27.75" customHeight="1">
      <c r="A2499" s="39"/>
      <c r="B2499" s="9"/>
      <c r="C2499" s="10"/>
      <c r="D2499" s="9"/>
      <c r="E2499" s="9"/>
      <c r="F2499" s="35"/>
    </row>
    <row r="2500" spans="1:6" ht="27.75" customHeight="1">
      <c r="A2500" s="39"/>
      <c r="B2500" s="9"/>
      <c r="C2500" s="10"/>
      <c r="D2500" s="9"/>
      <c r="E2500" s="9"/>
      <c r="F2500" s="35"/>
    </row>
    <row r="2501" spans="1:6" ht="27.75" customHeight="1">
      <c r="A2501" s="39"/>
      <c r="B2501" s="9"/>
      <c r="C2501" s="10"/>
      <c r="D2501" s="9"/>
      <c r="E2501" s="9"/>
      <c r="F2501" s="35"/>
    </row>
    <row r="2502" spans="1:6" ht="27.75" customHeight="1">
      <c r="A2502" s="39"/>
      <c r="B2502" s="9"/>
      <c r="C2502" s="10"/>
      <c r="D2502" s="9"/>
      <c r="E2502" s="9"/>
      <c r="F2502" s="35"/>
    </row>
    <row r="2503" spans="1:6" ht="27.75" customHeight="1">
      <c r="A2503" s="39"/>
      <c r="B2503" s="9"/>
      <c r="C2503" s="10"/>
      <c r="D2503" s="9"/>
      <c r="E2503" s="9"/>
      <c r="F2503" s="35"/>
    </row>
    <row r="2504" spans="1:6" ht="27.75" customHeight="1">
      <c r="A2504" s="39"/>
      <c r="B2504" s="9"/>
      <c r="C2504" s="10"/>
      <c r="D2504" s="9"/>
      <c r="E2504" s="9"/>
      <c r="F2504" s="35"/>
    </row>
    <row r="2505" spans="1:6" ht="27.75" customHeight="1">
      <c r="A2505" s="39"/>
      <c r="B2505" s="9"/>
      <c r="C2505" s="10"/>
      <c r="D2505" s="9"/>
      <c r="E2505" s="9"/>
      <c r="F2505" s="35"/>
    </row>
    <row r="2506" spans="1:6" ht="27.75" customHeight="1">
      <c r="A2506" s="39"/>
      <c r="B2506" s="9"/>
      <c r="C2506" s="10"/>
      <c r="D2506" s="9"/>
      <c r="E2506" s="9"/>
      <c r="F2506" s="35"/>
    </row>
    <row r="2507" spans="1:6" ht="27.75" customHeight="1">
      <c r="A2507" s="39"/>
      <c r="B2507" s="9"/>
      <c r="C2507" s="10"/>
      <c r="D2507" s="9"/>
      <c r="E2507" s="9"/>
      <c r="F2507" s="35"/>
    </row>
    <row r="2508" spans="1:6" ht="27.75" customHeight="1">
      <c r="A2508" s="39"/>
      <c r="B2508" s="9"/>
      <c r="C2508" s="10"/>
      <c r="D2508" s="9"/>
      <c r="E2508" s="9"/>
      <c r="F2508" s="35"/>
    </row>
    <row r="2509" spans="1:6" ht="27.75" customHeight="1">
      <c r="A2509" s="39"/>
      <c r="B2509" s="9"/>
      <c r="C2509" s="10"/>
      <c r="D2509" s="9"/>
      <c r="E2509" s="9"/>
      <c r="F2509" s="35"/>
    </row>
    <row r="2510" spans="1:6" ht="27.75" customHeight="1">
      <c r="A2510" s="39"/>
      <c r="B2510" s="9"/>
      <c r="C2510" s="10"/>
      <c r="D2510" s="9"/>
      <c r="E2510" s="9"/>
      <c r="F2510" s="35"/>
    </row>
    <row r="2511" spans="1:6" ht="27.75" customHeight="1">
      <c r="A2511" s="39"/>
      <c r="B2511" s="9"/>
      <c r="C2511" s="29"/>
      <c r="D2511" s="9"/>
      <c r="E2511" s="9"/>
      <c r="F2511" s="35"/>
    </row>
    <row r="2512" spans="1:6" ht="27.75" customHeight="1">
      <c r="A2512" s="39"/>
      <c r="B2512" s="9"/>
      <c r="C2512" s="29"/>
      <c r="D2512" s="9"/>
      <c r="E2512" s="9"/>
      <c r="F2512" s="35"/>
    </row>
    <row r="2513" spans="1:6" ht="27.75" customHeight="1">
      <c r="A2513" s="39"/>
      <c r="B2513" s="9"/>
      <c r="C2513" s="29"/>
      <c r="D2513" s="9"/>
      <c r="E2513" s="9"/>
      <c r="F2513" s="35"/>
    </row>
    <row r="2514" spans="1:6" ht="27.75" customHeight="1">
      <c r="A2514" s="39"/>
      <c r="B2514" s="9"/>
      <c r="C2514" s="29"/>
      <c r="D2514" s="9"/>
      <c r="E2514" s="9"/>
      <c r="F2514" s="35"/>
    </row>
    <row r="2515" spans="1:6" ht="27.75" customHeight="1">
      <c r="A2515" s="39"/>
      <c r="B2515" s="9"/>
      <c r="C2515" s="29"/>
      <c r="D2515" s="9"/>
      <c r="E2515" s="9"/>
      <c r="F2515" s="35"/>
    </row>
    <row r="2516" spans="1:6" ht="27.75" customHeight="1">
      <c r="A2516" s="39"/>
      <c r="B2516" s="9"/>
      <c r="C2516" s="29"/>
      <c r="D2516" s="9"/>
      <c r="E2516" s="9"/>
      <c r="F2516" s="35"/>
    </row>
    <row r="2517" spans="1:6" ht="27.75" customHeight="1">
      <c r="A2517" s="39"/>
      <c r="B2517" s="9"/>
      <c r="C2517" s="29"/>
      <c r="D2517" s="9"/>
      <c r="E2517" s="9"/>
      <c r="F2517" s="35"/>
    </row>
    <row r="2518" spans="1:6" ht="27.75" customHeight="1">
      <c r="A2518" s="39"/>
      <c r="B2518" s="9"/>
      <c r="C2518" s="29"/>
      <c r="D2518" s="9"/>
      <c r="E2518" s="9"/>
      <c r="F2518" s="35"/>
    </row>
    <row r="2519" spans="1:6" ht="27.75" customHeight="1">
      <c r="A2519" s="39"/>
      <c r="B2519" s="9"/>
      <c r="C2519" s="29"/>
      <c r="D2519" s="9"/>
      <c r="E2519" s="9"/>
      <c r="F2519" s="35"/>
    </row>
    <row r="2520" spans="1:6" ht="27.75" customHeight="1">
      <c r="A2520" s="39"/>
      <c r="B2520" s="9"/>
      <c r="C2520" s="29"/>
      <c r="D2520" s="9"/>
      <c r="E2520" s="9"/>
      <c r="F2520" s="35"/>
    </row>
    <row r="2521" spans="1:6" ht="27.75" customHeight="1">
      <c r="A2521" s="39"/>
      <c r="B2521" s="9"/>
      <c r="C2521" s="29"/>
      <c r="D2521" s="9"/>
      <c r="E2521" s="9"/>
      <c r="F2521" s="35"/>
    </row>
    <row r="2522" spans="1:6" ht="27.75" customHeight="1">
      <c r="A2522" s="39"/>
      <c r="B2522" s="9"/>
      <c r="C2522" s="29"/>
      <c r="D2522" s="9"/>
      <c r="E2522" s="9"/>
      <c r="F2522" s="35"/>
    </row>
    <row r="2523" spans="1:6" ht="27.75" customHeight="1">
      <c r="A2523" s="39"/>
      <c r="B2523" s="9"/>
      <c r="C2523" s="29"/>
      <c r="D2523" s="9"/>
      <c r="E2523" s="9"/>
      <c r="F2523" s="35"/>
    </row>
    <row r="2524" spans="1:6" ht="27.75" customHeight="1">
      <c r="A2524" s="39"/>
      <c r="B2524" s="9"/>
      <c r="C2524" s="29"/>
      <c r="D2524" s="9"/>
      <c r="E2524" s="9"/>
      <c r="F2524" s="35"/>
    </row>
    <row r="2525" spans="1:6" ht="27.75" customHeight="1">
      <c r="A2525" s="39"/>
      <c r="B2525" s="9"/>
      <c r="C2525" s="29"/>
      <c r="D2525" s="9"/>
      <c r="E2525" s="9"/>
      <c r="F2525" s="35"/>
    </row>
    <row r="2526" spans="1:6" ht="27.75" customHeight="1">
      <c r="A2526" s="39"/>
      <c r="B2526" s="9"/>
      <c r="C2526" s="29"/>
      <c r="D2526" s="9"/>
      <c r="E2526" s="9"/>
      <c r="F2526" s="35"/>
    </row>
    <row r="2527" spans="1:6" ht="27.75" customHeight="1">
      <c r="A2527" s="39"/>
      <c r="B2527" s="9"/>
      <c r="C2527" s="29"/>
      <c r="D2527" s="9"/>
      <c r="E2527" s="9"/>
      <c r="F2527" s="35"/>
    </row>
    <row r="2528" spans="1:6" ht="27.75" customHeight="1">
      <c r="A2528" s="39"/>
      <c r="B2528" s="9"/>
      <c r="C2528" s="29"/>
      <c r="D2528" s="9"/>
      <c r="E2528" s="9"/>
      <c r="F2528" s="35"/>
    </row>
    <row r="2529" spans="1:6" ht="27.75" customHeight="1">
      <c r="A2529" s="39"/>
      <c r="B2529" s="9"/>
      <c r="C2529" s="29"/>
      <c r="D2529" s="9"/>
      <c r="E2529" s="9"/>
      <c r="F2529" s="35"/>
    </row>
    <row r="2530" spans="1:6" ht="27.75" customHeight="1">
      <c r="A2530" s="39"/>
      <c r="B2530" s="9"/>
      <c r="C2530" s="29"/>
      <c r="D2530" s="9"/>
      <c r="E2530" s="9"/>
      <c r="F2530" s="35"/>
    </row>
    <row r="2531" spans="1:6" ht="27.75" customHeight="1">
      <c r="A2531" s="39"/>
      <c r="B2531" s="9"/>
      <c r="C2531" s="29"/>
      <c r="D2531" s="9"/>
      <c r="E2531" s="9"/>
      <c r="F2531" s="35"/>
    </row>
    <row r="2532" spans="1:6" ht="27.75" customHeight="1">
      <c r="A2532" s="39"/>
      <c r="B2532" s="9"/>
      <c r="C2532" s="29"/>
      <c r="D2532" s="9"/>
      <c r="E2532" s="9"/>
      <c r="F2532" s="35"/>
    </row>
    <row r="2533" spans="1:6" ht="27.75" customHeight="1">
      <c r="A2533" s="39"/>
      <c r="B2533" s="9"/>
      <c r="C2533" s="29"/>
      <c r="D2533" s="9"/>
      <c r="E2533" s="9"/>
      <c r="F2533" s="35"/>
    </row>
    <row r="2534" spans="1:6" ht="27.75" customHeight="1">
      <c r="A2534" s="39"/>
      <c r="B2534" s="9"/>
      <c r="C2534" s="29"/>
      <c r="D2534" s="9"/>
      <c r="E2534" s="9"/>
      <c r="F2534" s="35"/>
    </row>
    <row r="2535" spans="1:6" ht="27.75" customHeight="1">
      <c r="A2535" s="39"/>
      <c r="B2535" s="9"/>
      <c r="C2535" s="29"/>
      <c r="D2535" s="9"/>
      <c r="E2535" s="9"/>
      <c r="F2535" s="35"/>
    </row>
    <row r="2536" spans="1:6" ht="27.75" customHeight="1">
      <c r="A2536" s="39"/>
      <c r="B2536" s="9"/>
      <c r="C2536" s="29"/>
      <c r="D2536" s="9"/>
      <c r="E2536" s="9"/>
      <c r="F2536" s="35"/>
    </row>
    <row r="2537" spans="1:6" ht="27.75" customHeight="1">
      <c r="A2537" s="39"/>
      <c r="B2537" s="9"/>
      <c r="C2537" s="29"/>
      <c r="D2537" s="9"/>
      <c r="E2537" s="9"/>
      <c r="F2537" s="35"/>
    </row>
    <row r="2538" spans="1:6" ht="27.75" customHeight="1">
      <c r="A2538" s="39"/>
      <c r="B2538" s="9"/>
      <c r="C2538" s="29"/>
      <c r="D2538" s="9"/>
      <c r="E2538" s="9"/>
      <c r="F2538" s="35"/>
    </row>
    <row r="2539" spans="1:6" ht="27.75" customHeight="1">
      <c r="A2539" s="39"/>
      <c r="B2539" s="9"/>
      <c r="C2539" s="29"/>
      <c r="D2539" s="9"/>
      <c r="E2539" s="9"/>
      <c r="F2539" s="35"/>
    </row>
    <row r="2540" spans="1:6" ht="27.75" customHeight="1">
      <c r="A2540" s="39"/>
      <c r="B2540" s="9"/>
      <c r="C2540" s="29"/>
      <c r="D2540" s="9"/>
      <c r="E2540" s="9"/>
      <c r="F2540" s="35"/>
    </row>
    <row r="2541" spans="1:6" ht="27.75" customHeight="1">
      <c r="A2541" s="39"/>
      <c r="B2541" s="9"/>
      <c r="C2541" s="29"/>
      <c r="D2541" s="9"/>
      <c r="E2541" s="9"/>
      <c r="F2541" s="35"/>
    </row>
    <row r="2542" spans="1:6" ht="27.75" customHeight="1">
      <c r="A2542" s="39"/>
      <c r="B2542" s="9"/>
      <c r="C2542" s="29"/>
      <c r="D2542" s="9"/>
      <c r="E2542" s="9"/>
      <c r="F2542" s="35"/>
    </row>
    <row r="2543" spans="1:6" ht="27.75" customHeight="1">
      <c r="A2543" s="39"/>
      <c r="B2543" s="9"/>
      <c r="C2543" s="29"/>
      <c r="D2543" s="9"/>
      <c r="E2543" s="9"/>
      <c r="F2543" s="35"/>
    </row>
    <row r="2544" spans="1:6" ht="27.75" customHeight="1">
      <c r="A2544" s="39"/>
      <c r="B2544" s="9"/>
      <c r="C2544" s="29"/>
      <c r="D2544" s="9"/>
      <c r="E2544" s="9"/>
      <c r="F2544" s="35"/>
    </row>
    <row r="2545" spans="1:6" ht="27.75" customHeight="1">
      <c r="A2545" s="39"/>
      <c r="B2545" s="9"/>
      <c r="C2545" s="29"/>
      <c r="D2545" s="9"/>
      <c r="E2545" s="9"/>
      <c r="F2545" s="35"/>
    </row>
    <row r="2546" spans="1:6" ht="27.75" customHeight="1">
      <c r="A2546" s="39"/>
      <c r="B2546" s="9"/>
      <c r="C2546" s="29"/>
      <c r="D2546" s="9"/>
      <c r="E2546" s="9"/>
      <c r="F2546" s="35"/>
    </row>
    <row r="2547" spans="1:6" ht="27.75" customHeight="1">
      <c r="A2547" s="39"/>
      <c r="B2547" s="9"/>
      <c r="C2547" s="29"/>
      <c r="D2547" s="9"/>
      <c r="E2547" s="9"/>
      <c r="F2547" s="35"/>
    </row>
    <row r="2548" spans="1:6" ht="27.75" customHeight="1">
      <c r="A2548" s="39"/>
      <c r="B2548" s="9"/>
      <c r="C2548" s="29"/>
      <c r="D2548" s="9"/>
      <c r="E2548" s="9"/>
      <c r="F2548" s="35"/>
    </row>
    <row r="2549" spans="1:6" ht="27.75" customHeight="1">
      <c r="A2549" s="39"/>
      <c r="B2549" s="9"/>
      <c r="C2549" s="29"/>
      <c r="D2549" s="9"/>
      <c r="E2549" s="9"/>
      <c r="F2549" s="35"/>
    </row>
    <row r="2550" spans="1:6" ht="27.75" customHeight="1">
      <c r="A2550" s="39"/>
      <c r="B2550" s="9"/>
      <c r="C2550" s="29"/>
      <c r="D2550" s="9"/>
      <c r="E2550" s="9"/>
      <c r="F2550" s="35"/>
    </row>
    <row r="2551" spans="1:6" ht="27.75" customHeight="1">
      <c r="A2551" s="39"/>
      <c r="B2551" s="9"/>
      <c r="C2551" s="29"/>
      <c r="D2551" s="9"/>
      <c r="E2551" s="9"/>
      <c r="F2551" s="35"/>
    </row>
    <row r="2552" spans="1:6" ht="27.75" customHeight="1">
      <c r="A2552" s="39"/>
      <c r="B2552" s="9"/>
      <c r="C2552" s="29"/>
      <c r="D2552" s="9"/>
      <c r="E2552" s="9"/>
      <c r="F2552" s="35"/>
    </row>
    <row r="2553" spans="1:6" ht="27.75" customHeight="1">
      <c r="A2553" s="39"/>
      <c r="B2553" s="9"/>
      <c r="C2553" s="29"/>
      <c r="D2553" s="9"/>
      <c r="E2553" s="9"/>
      <c r="F2553" s="35"/>
    </row>
    <row r="2554" spans="1:6" ht="27.75" customHeight="1">
      <c r="A2554" s="39"/>
      <c r="B2554" s="9"/>
      <c r="C2554" s="29"/>
      <c r="D2554" s="9"/>
      <c r="E2554" s="9"/>
      <c r="F2554" s="35"/>
    </row>
    <row r="2555" spans="1:6" ht="27.75" customHeight="1">
      <c r="A2555" s="39"/>
      <c r="B2555" s="9"/>
      <c r="C2555" s="29"/>
      <c r="D2555" s="9"/>
      <c r="E2555" s="9"/>
      <c r="F2555" s="35"/>
    </row>
    <row r="2556" spans="1:6" ht="27.75" customHeight="1">
      <c r="A2556" s="39"/>
      <c r="B2556" s="9"/>
      <c r="C2556" s="29"/>
      <c r="D2556" s="9"/>
      <c r="E2556" s="9"/>
      <c r="F2556" s="35"/>
    </row>
    <row r="2557" spans="1:6" ht="27.75" customHeight="1">
      <c r="A2557" s="39"/>
      <c r="B2557" s="9"/>
      <c r="C2557" s="29"/>
      <c r="D2557" s="9"/>
      <c r="E2557" s="9"/>
      <c r="F2557" s="35"/>
    </row>
    <row r="2558" spans="1:6" ht="27.75" customHeight="1">
      <c r="A2558" s="39"/>
      <c r="B2558" s="9"/>
      <c r="C2558" s="29"/>
      <c r="D2558" s="9"/>
      <c r="E2558" s="9"/>
      <c r="F2558" s="35"/>
    </row>
    <row r="2559" spans="1:6" ht="27.75" customHeight="1">
      <c r="A2559" s="39"/>
      <c r="B2559" s="9"/>
      <c r="C2559" s="29"/>
      <c r="D2559" s="9"/>
      <c r="E2559" s="9"/>
      <c r="F2559" s="35"/>
    </row>
    <row r="2560" spans="1:6" ht="27.75" customHeight="1">
      <c r="A2560" s="39"/>
      <c r="B2560" s="9"/>
      <c r="C2560" s="29"/>
      <c r="D2560" s="9"/>
      <c r="E2560" s="9"/>
      <c r="F2560" s="35"/>
    </row>
    <row r="2561" spans="1:6" ht="27.75" customHeight="1">
      <c r="A2561" s="39"/>
      <c r="B2561" s="9"/>
      <c r="C2561" s="29"/>
      <c r="D2561" s="9"/>
      <c r="E2561" s="9"/>
      <c r="F2561" s="35"/>
    </row>
    <row r="2562" spans="1:6" ht="27.75" customHeight="1">
      <c r="A2562" s="39"/>
      <c r="B2562" s="9"/>
      <c r="C2562" s="29"/>
      <c r="D2562" s="9"/>
      <c r="E2562" s="9"/>
      <c r="F2562" s="35"/>
    </row>
    <row r="2563" spans="1:6" ht="27.75" customHeight="1">
      <c r="A2563" s="39"/>
      <c r="B2563" s="9"/>
      <c r="C2563" s="29"/>
      <c r="D2563" s="9"/>
      <c r="E2563" s="9"/>
      <c r="F2563" s="35"/>
    </row>
    <row r="2564" spans="1:6" ht="27.75" customHeight="1">
      <c r="A2564" s="39"/>
      <c r="B2564" s="9"/>
      <c r="C2564" s="29"/>
      <c r="D2564" s="9"/>
      <c r="E2564" s="9"/>
      <c r="F2564" s="35"/>
    </row>
    <row r="2565" spans="1:6" ht="27.75" customHeight="1">
      <c r="A2565" s="39"/>
      <c r="B2565" s="9"/>
      <c r="C2565" s="29"/>
      <c r="D2565" s="9"/>
      <c r="E2565" s="9"/>
      <c r="F2565" s="35"/>
    </row>
    <row r="2566" spans="1:6" ht="27.75" customHeight="1">
      <c r="A2566" s="39"/>
      <c r="B2566" s="9"/>
      <c r="C2566" s="29"/>
      <c r="D2566" s="9"/>
      <c r="E2566" s="9"/>
      <c r="F2566" s="35"/>
    </row>
    <row r="2567" spans="1:6" ht="27.75" customHeight="1">
      <c r="A2567" s="39"/>
      <c r="B2567" s="9"/>
      <c r="C2567" s="29"/>
      <c r="D2567" s="9"/>
      <c r="E2567" s="9"/>
      <c r="F2567" s="35"/>
    </row>
    <row r="2568" spans="1:6" ht="27.75" customHeight="1">
      <c r="A2568" s="39"/>
      <c r="B2568" s="9"/>
      <c r="C2568" s="29"/>
      <c r="D2568" s="9"/>
      <c r="E2568" s="9"/>
      <c r="F2568" s="35"/>
    </row>
    <row r="2569" spans="1:6" ht="27.75" customHeight="1">
      <c r="A2569" s="39"/>
      <c r="B2569" s="9"/>
      <c r="C2569" s="29"/>
      <c r="D2569" s="9"/>
      <c r="E2569" s="9"/>
      <c r="F2569" s="35"/>
    </row>
    <row r="2570" spans="1:6" ht="27.75" customHeight="1">
      <c r="A2570" s="39"/>
      <c r="B2570" s="9"/>
      <c r="C2570" s="29"/>
      <c r="D2570" s="9"/>
      <c r="E2570" s="9"/>
      <c r="F2570" s="35"/>
    </row>
    <row r="2571" spans="1:6" ht="27.75" customHeight="1">
      <c r="A2571" s="39"/>
      <c r="B2571" s="9"/>
      <c r="C2571" s="29"/>
      <c r="D2571" s="9"/>
      <c r="E2571" s="9"/>
      <c r="F2571" s="35"/>
    </row>
    <row r="2572" spans="1:6" ht="27.75" customHeight="1">
      <c r="A2572" s="39"/>
      <c r="B2572" s="9"/>
      <c r="C2572" s="29"/>
      <c r="D2572" s="9"/>
      <c r="E2572" s="9"/>
      <c r="F2572" s="35"/>
    </row>
    <row r="2573" spans="1:6" ht="27.75" customHeight="1">
      <c r="A2573" s="39"/>
      <c r="B2573" s="9"/>
      <c r="C2573" s="29"/>
      <c r="D2573" s="9"/>
      <c r="E2573" s="9"/>
      <c r="F2573" s="35"/>
    </row>
    <row r="2574" spans="1:6" ht="27.75" customHeight="1">
      <c r="A2574" s="39"/>
      <c r="B2574" s="9"/>
      <c r="C2574" s="29"/>
      <c r="D2574" s="9"/>
      <c r="E2574" s="9"/>
      <c r="F2574" s="35"/>
    </row>
    <row r="2575" spans="1:6" ht="27.75" customHeight="1">
      <c r="A2575" s="39"/>
      <c r="B2575" s="9"/>
      <c r="C2575" s="29"/>
      <c r="D2575" s="9"/>
      <c r="E2575" s="9"/>
      <c r="F2575" s="35"/>
    </row>
    <row r="2576" spans="1:6" ht="27.75" customHeight="1">
      <c r="A2576" s="39"/>
      <c r="B2576" s="9"/>
      <c r="C2576" s="29"/>
      <c r="D2576" s="9"/>
      <c r="E2576" s="9"/>
      <c r="F2576" s="35"/>
    </row>
    <row r="2577" spans="1:6" ht="27.75" customHeight="1">
      <c r="A2577" s="39"/>
      <c r="B2577" s="9"/>
      <c r="C2577" s="29"/>
      <c r="D2577" s="9"/>
      <c r="E2577" s="9"/>
      <c r="F2577" s="35"/>
    </row>
    <row r="2578" spans="1:6" ht="27.75" customHeight="1">
      <c r="A2578" s="39"/>
      <c r="B2578" s="9"/>
      <c r="C2578" s="29"/>
      <c r="D2578" s="9"/>
      <c r="E2578" s="9"/>
      <c r="F2578" s="35"/>
    </row>
    <row r="2579" spans="1:6" ht="27.75" customHeight="1">
      <c r="A2579" s="39"/>
      <c r="B2579" s="9"/>
      <c r="C2579" s="29"/>
      <c r="D2579" s="9"/>
      <c r="E2579" s="9"/>
      <c r="F2579" s="35"/>
    </row>
    <row r="2580" spans="1:6" ht="27.75" customHeight="1">
      <c r="A2580" s="39"/>
      <c r="B2580" s="9"/>
      <c r="C2580" s="29"/>
      <c r="D2580" s="9"/>
      <c r="E2580" s="9"/>
      <c r="F2580" s="35"/>
    </row>
    <row r="2581" spans="1:6" ht="27.75" customHeight="1">
      <c r="A2581" s="39"/>
      <c r="B2581" s="9"/>
      <c r="C2581" s="29"/>
      <c r="D2581" s="9"/>
      <c r="E2581" s="9"/>
      <c r="F2581" s="35"/>
    </row>
    <row r="2582" spans="1:6" ht="27.75" customHeight="1">
      <c r="A2582" s="39"/>
      <c r="B2582" s="9"/>
      <c r="C2582" s="29"/>
      <c r="D2582" s="9"/>
      <c r="E2582" s="9"/>
      <c r="F2582" s="35"/>
    </row>
    <row r="2583" spans="1:6" ht="27.75" customHeight="1">
      <c r="A2583" s="39"/>
      <c r="B2583" s="9"/>
      <c r="C2583" s="29"/>
      <c r="D2583" s="9"/>
      <c r="E2583" s="9"/>
      <c r="F2583" s="35"/>
    </row>
    <row r="2584" spans="1:6" ht="27.75" customHeight="1">
      <c r="A2584" s="39"/>
      <c r="B2584" s="9"/>
      <c r="C2584" s="29"/>
      <c r="D2584" s="9"/>
      <c r="E2584" s="9"/>
      <c r="F2584" s="35"/>
    </row>
    <row r="2585" spans="1:6" ht="27.75" customHeight="1">
      <c r="A2585" s="39"/>
      <c r="B2585" s="9"/>
      <c r="C2585" s="29"/>
      <c r="D2585" s="9"/>
      <c r="E2585" s="9"/>
      <c r="F2585" s="35"/>
    </row>
    <row r="2586" spans="1:6" ht="27.75" customHeight="1">
      <c r="A2586" s="39"/>
      <c r="B2586" s="9"/>
      <c r="C2586" s="29"/>
      <c r="D2586" s="9"/>
      <c r="E2586" s="9"/>
      <c r="F2586" s="35"/>
    </row>
    <row r="2587" spans="1:6" ht="27.75" customHeight="1">
      <c r="A2587" s="39"/>
      <c r="B2587" s="9"/>
      <c r="C2587" s="29"/>
      <c r="D2587" s="9"/>
      <c r="E2587" s="9"/>
      <c r="F2587" s="35"/>
    </row>
    <row r="2588" spans="1:6" ht="27.75" customHeight="1">
      <c r="A2588" s="39"/>
      <c r="B2588" s="9"/>
      <c r="C2588" s="29"/>
      <c r="D2588" s="9"/>
      <c r="E2588" s="9"/>
      <c r="F2588" s="35"/>
    </row>
    <row r="2589" spans="1:6" ht="27.75" customHeight="1">
      <c r="A2589" s="39"/>
      <c r="B2589" s="9"/>
      <c r="C2589" s="29"/>
      <c r="D2589" s="9"/>
      <c r="E2589" s="9"/>
      <c r="F2589" s="35"/>
    </row>
    <row r="2590" spans="1:6" ht="27.75" customHeight="1">
      <c r="A2590" s="39"/>
      <c r="B2590" s="9"/>
      <c r="C2590" s="29"/>
      <c r="D2590" s="9"/>
      <c r="E2590" s="9"/>
      <c r="F2590" s="35"/>
    </row>
    <row r="2591" spans="1:6" ht="27.75" customHeight="1">
      <c r="A2591" s="39"/>
      <c r="B2591" s="9"/>
      <c r="C2591" s="29"/>
      <c r="D2591" s="9"/>
      <c r="E2591" s="9"/>
      <c r="F2591" s="35"/>
    </row>
    <row r="2592" spans="1:6" ht="27.75" customHeight="1">
      <c r="A2592" s="39"/>
      <c r="B2592" s="9"/>
      <c r="C2592" s="29"/>
      <c r="D2592" s="9"/>
      <c r="E2592" s="9"/>
      <c r="F2592" s="35"/>
    </row>
    <row r="2593" spans="1:6" ht="27.75" customHeight="1">
      <c r="A2593" s="39"/>
      <c r="B2593" s="9"/>
      <c r="C2593" s="29"/>
      <c r="D2593" s="9"/>
      <c r="E2593" s="9"/>
      <c r="F2593" s="35"/>
    </row>
    <row r="2594" spans="1:6" ht="27.75" customHeight="1">
      <c r="A2594" s="39"/>
      <c r="B2594" s="9"/>
      <c r="C2594" s="29"/>
      <c r="D2594" s="9"/>
      <c r="E2594" s="9"/>
      <c r="F2594" s="35"/>
    </row>
    <row r="2595" spans="1:6" ht="27.75" customHeight="1">
      <c r="A2595" s="39"/>
      <c r="B2595" s="9"/>
      <c r="C2595" s="29"/>
      <c r="D2595" s="9"/>
      <c r="E2595" s="9"/>
      <c r="F2595" s="35"/>
    </row>
    <row r="2596" spans="1:6" ht="27.75" customHeight="1">
      <c r="A2596" s="39"/>
      <c r="B2596" s="9"/>
      <c r="C2596" s="29"/>
      <c r="D2596" s="9"/>
      <c r="E2596" s="9"/>
      <c r="F2596" s="35"/>
    </row>
    <row r="2597" spans="1:6" ht="27.75" customHeight="1">
      <c r="A2597" s="39"/>
      <c r="B2597" s="9"/>
      <c r="C2597" s="29"/>
      <c r="D2597" s="9"/>
      <c r="E2597" s="9"/>
      <c r="F2597" s="35"/>
    </row>
    <row r="2598" spans="1:6" ht="27.75" customHeight="1">
      <c r="A2598" s="39"/>
      <c r="B2598" s="9"/>
      <c r="C2598" s="29"/>
      <c r="D2598" s="9"/>
      <c r="E2598" s="9"/>
      <c r="F2598" s="35"/>
    </row>
    <row r="2599" spans="1:6" ht="27.75" customHeight="1">
      <c r="A2599" s="39"/>
      <c r="B2599" s="9"/>
      <c r="C2599" s="29"/>
      <c r="D2599" s="9"/>
      <c r="E2599" s="9"/>
      <c r="F2599" s="35"/>
    </row>
    <row r="2600" spans="1:6" ht="27.75" customHeight="1">
      <c r="A2600" s="39"/>
      <c r="B2600" s="9"/>
      <c r="C2600" s="29"/>
      <c r="D2600" s="9"/>
      <c r="E2600" s="9"/>
      <c r="F2600" s="35"/>
    </row>
    <row r="2601" spans="1:6" ht="27.75" customHeight="1">
      <c r="A2601" s="39"/>
      <c r="B2601" s="9"/>
      <c r="C2601" s="29"/>
      <c r="D2601" s="9"/>
      <c r="E2601" s="9"/>
      <c r="F2601" s="35"/>
    </row>
    <row r="2602" spans="1:6" ht="27.75" customHeight="1">
      <c r="A2602" s="39"/>
      <c r="B2602" s="9"/>
      <c r="C2602" s="29"/>
      <c r="D2602" s="9"/>
      <c r="E2602" s="9"/>
      <c r="F2602" s="35"/>
    </row>
    <row r="2603" spans="1:6" ht="27.75" customHeight="1">
      <c r="A2603" s="39"/>
      <c r="B2603" s="9"/>
      <c r="C2603" s="29"/>
      <c r="D2603" s="9"/>
      <c r="E2603" s="9"/>
      <c r="F2603" s="35"/>
    </row>
    <row r="2604" spans="1:6" ht="27.75" customHeight="1">
      <c r="A2604" s="39"/>
      <c r="B2604" s="9"/>
      <c r="C2604" s="29"/>
      <c r="D2604" s="9"/>
      <c r="E2604" s="9"/>
      <c r="F2604" s="35"/>
    </row>
    <row r="2605" spans="1:6" ht="27.75" customHeight="1">
      <c r="A2605" s="39"/>
      <c r="B2605" s="9"/>
      <c r="C2605" s="29"/>
      <c r="D2605" s="9"/>
      <c r="E2605" s="9"/>
      <c r="F2605" s="35"/>
    </row>
    <row r="2606" spans="1:6" ht="27.75" customHeight="1">
      <c r="A2606" s="39"/>
      <c r="B2606" s="9"/>
      <c r="C2606" s="29"/>
      <c r="D2606" s="9"/>
      <c r="E2606" s="9"/>
      <c r="F2606" s="35"/>
    </row>
    <row r="2607" spans="1:6" ht="27.75" customHeight="1">
      <c r="A2607" s="39"/>
      <c r="B2607" s="9"/>
      <c r="C2607" s="29"/>
      <c r="D2607" s="9"/>
      <c r="E2607" s="9"/>
      <c r="F2607" s="35"/>
    </row>
    <row r="2608" spans="1:6" ht="27.75" customHeight="1">
      <c r="A2608" s="39"/>
      <c r="B2608" s="9"/>
      <c r="C2608" s="29"/>
      <c r="D2608" s="9"/>
      <c r="E2608" s="9"/>
      <c r="F2608" s="35"/>
    </row>
    <row r="2609" spans="1:6" ht="27.75" customHeight="1">
      <c r="A2609" s="39"/>
      <c r="B2609" s="9"/>
      <c r="C2609" s="29"/>
      <c r="D2609" s="9"/>
      <c r="E2609" s="9"/>
      <c r="F2609" s="35"/>
    </row>
    <row r="2610" spans="1:6" ht="27.75" customHeight="1">
      <c r="A2610" s="39"/>
      <c r="B2610" s="9"/>
      <c r="C2610" s="29"/>
      <c r="D2610" s="9"/>
      <c r="E2610" s="9"/>
      <c r="F2610" s="35"/>
    </row>
    <row r="2611" spans="1:6" ht="27.75" customHeight="1">
      <c r="A2611" s="39"/>
      <c r="B2611" s="9"/>
      <c r="C2611" s="29"/>
      <c r="D2611" s="9"/>
      <c r="E2611" s="9"/>
      <c r="F2611" s="35"/>
    </row>
    <row r="2612" spans="1:6" ht="27.75" customHeight="1">
      <c r="A2612" s="39"/>
      <c r="B2612" s="9"/>
      <c r="C2612" s="29"/>
      <c r="D2612" s="9"/>
      <c r="E2612" s="9"/>
      <c r="F2612" s="35"/>
    </row>
    <row r="2613" spans="1:6" ht="27.75" customHeight="1">
      <c r="A2613" s="39"/>
      <c r="B2613" s="9"/>
      <c r="C2613" s="29"/>
      <c r="D2613" s="9"/>
      <c r="E2613" s="9"/>
      <c r="F2613" s="35"/>
    </row>
    <row r="2614" spans="1:6" ht="27.75" customHeight="1">
      <c r="A2614" s="39"/>
      <c r="B2614" s="9"/>
      <c r="C2614" s="29"/>
      <c r="D2614" s="9"/>
      <c r="E2614" s="9"/>
      <c r="F2614" s="35"/>
    </row>
    <row r="2615" spans="1:6" ht="27.75" customHeight="1">
      <c r="A2615" s="39"/>
      <c r="B2615" s="9"/>
      <c r="C2615" s="29"/>
      <c r="D2615" s="9"/>
      <c r="E2615" s="9"/>
      <c r="F2615" s="35"/>
    </row>
    <row r="2616" spans="1:6" ht="27.75" customHeight="1">
      <c r="A2616" s="39"/>
      <c r="B2616" s="9"/>
      <c r="C2616" s="29"/>
      <c r="D2616" s="9"/>
      <c r="E2616" s="9"/>
      <c r="F2616" s="35"/>
    </row>
    <row r="2617" spans="1:6" ht="27.75" customHeight="1">
      <c r="A2617" s="39"/>
      <c r="B2617" s="9"/>
      <c r="C2617" s="29"/>
      <c r="D2617" s="9"/>
      <c r="E2617" s="9"/>
      <c r="F2617" s="35"/>
    </row>
    <row r="2618" spans="1:6" ht="27.75" customHeight="1">
      <c r="A2618" s="39"/>
      <c r="B2618" s="9"/>
      <c r="C2618" s="29"/>
      <c r="D2618" s="9"/>
      <c r="E2618" s="9"/>
      <c r="F2618" s="35"/>
    </row>
    <row r="2619" spans="1:6" ht="27.75" customHeight="1">
      <c r="A2619" s="39"/>
      <c r="B2619" s="9"/>
      <c r="C2619" s="29"/>
      <c r="D2619" s="9"/>
      <c r="E2619" s="9"/>
      <c r="F2619" s="35"/>
    </row>
    <row r="2620" spans="1:6" ht="27.75" customHeight="1">
      <c r="A2620" s="39"/>
      <c r="B2620" s="9"/>
      <c r="C2620" s="29"/>
      <c r="D2620" s="9"/>
      <c r="E2620" s="9"/>
      <c r="F2620" s="35"/>
    </row>
    <row r="2621" spans="1:6" ht="27.75" customHeight="1">
      <c r="A2621" s="39"/>
      <c r="B2621" s="9"/>
      <c r="C2621" s="29"/>
      <c r="D2621" s="9"/>
      <c r="E2621" s="9"/>
      <c r="F2621" s="35"/>
    </row>
    <row r="2622" spans="1:6" ht="27.75" customHeight="1">
      <c r="A2622" s="39"/>
      <c r="B2622" s="9"/>
      <c r="C2622" s="29"/>
      <c r="D2622" s="9"/>
      <c r="E2622" s="9"/>
      <c r="F2622" s="35"/>
    </row>
    <row r="2623" spans="1:6" ht="27.75" customHeight="1">
      <c r="A2623" s="39"/>
      <c r="B2623" s="9"/>
      <c r="C2623" s="29"/>
      <c r="D2623" s="9"/>
      <c r="E2623" s="9"/>
      <c r="F2623" s="35"/>
    </row>
    <row r="2624" spans="1:6" ht="27.75" customHeight="1">
      <c r="A2624" s="39"/>
      <c r="B2624" s="9"/>
      <c r="C2624" s="29"/>
      <c r="D2624" s="9"/>
      <c r="E2624" s="9"/>
      <c r="F2624" s="35"/>
    </row>
    <row r="2625" spans="1:6" ht="27.75" customHeight="1">
      <c r="A2625" s="39"/>
      <c r="B2625" s="9"/>
      <c r="C2625" s="29"/>
      <c r="D2625" s="9"/>
      <c r="E2625" s="9"/>
      <c r="F2625" s="35"/>
    </row>
    <row r="2626" spans="1:6" ht="27.75" customHeight="1">
      <c r="A2626" s="39"/>
      <c r="B2626" s="9"/>
      <c r="C2626" s="29"/>
      <c r="D2626" s="9"/>
      <c r="E2626" s="9"/>
      <c r="F2626" s="35"/>
    </row>
    <row r="2627" spans="1:6" ht="27.75" customHeight="1">
      <c r="A2627" s="39"/>
      <c r="B2627" s="9"/>
      <c r="C2627" s="29"/>
      <c r="D2627" s="9"/>
      <c r="E2627" s="9"/>
      <c r="F2627" s="35"/>
    </row>
    <row r="2628" spans="1:6" ht="27.75" customHeight="1">
      <c r="A2628" s="39"/>
      <c r="B2628" s="9"/>
      <c r="C2628" s="29"/>
      <c r="D2628" s="9"/>
      <c r="E2628" s="9"/>
      <c r="F2628" s="35"/>
    </row>
    <row r="2629" spans="1:6" ht="27.75" customHeight="1">
      <c r="A2629" s="39"/>
      <c r="B2629" s="9"/>
      <c r="C2629" s="29"/>
      <c r="D2629" s="9"/>
      <c r="E2629" s="9"/>
      <c r="F2629" s="35"/>
    </row>
    <row r="2630" spans="1:6" ht="27.75" customHeight="1">
      <c r="A2630" s="39"/>
      <c r="B2630" s="9"/>
      <c r="C2630" s="29"/>
      <c r="D2630" s="9"/>
      <c r="E2630" s="9"/>
      <c r="F2630" s="35"/>
    </row>
    <row r="2631" spans="1:6" ht="27.75" customHeight="1">
      <c r="A2631" s="39"/>
      <c r="B2631" s="9"/>
      <c r="C2631" s="29"/>
      <c r="D2631" s="9"/>
      <c r="E2631" s="9"/>
      <c r="F2631" s="35"/>
    </row>
    <row r="2632" spans="1:6" ht="27.75" customHeight="1">
      <c r="A2632" s="39"/>
      <c r="B2632" s="9"/>
      <c r="C2632" s="29"/>
      <c r="D2632" s="9"/>
      <c r="E2632" s="9"/>
      <c r="F2632" s="35"/>
    </row>
    <row r="2633" spans="1:6" ht="27.75" customHeight="1">
      <c r="A2633" s="39"/>
      <c r="B2633" s="9"/>
      <c r="C2633" s="29"/>
      <c r="D2633" s="9"/>
      <c r="E2633" s="9"/>
      <c r="F2633" s="35"/>
    </row>
    <row r="2634" spans="1:6" ht="27.75" customHeight="1">
      <c r="A2634" s="39"/>
      <c r="B2634" s="9"/>
      <c r="C2634" s="29"/>
      <c r="D2634" s="9"/>
      <c r="E2634" s="9"/>
      <c r="F2634" s="35"/>
    </row>
    <row r="2635" spans="1:6" ht="27.75" customHeight="1">
      <c r="A2635" s="39"/>
      <c r="B2635" s="9"/>
      <c r="C2635" s="29"/>
      <c r="D2635" s="9"/>
      <c r="E2635" s="9"/>
      <c r="F2635" s="35"/>
    </row>
    <row r="2636" spans="1:6" ht="27.75" customHeight="1">
      <c r="A2636" s="39"/>
      <c r="B2636" s="9"/>
      <c r="C2636" s="29"/>
      <c r="D2636" s="9"/>
      <c r="E2636" s="9"/>
      <c r="F2636" s="35"/>
    </row>
    <row r="2637" spans="1:6" ht="27.75" customHeight="1">
      <c r="A2637" s="39"/>
      <c r="B2637" s="9"/>
      <c r="C2637" s="29"/>
      <c r="D2637" s="9"/>
      <c r="E2637" s="9"/>
      <c r="F2637" s="35"/>
    </row>
    <row r="2638" spans="1:6" ht="27.75" customHeight="1">
      <c r="A2638" s="39"/>
      <c r="B2638" s="9"/>
      <c r="C2638" s="29"/>
      <c r="D2638" s="9"/>
      <c r="E2638" s="9"/>
      <c r="F2638" s="35"/>
    </row>
    <row r="2639" spans="1:6" ht="27.75" customHeight="1">
      <c r="A2639" s="39"/>
      <c r="B2639" s="9"/>
      <c r="C2639" s="29"/>
      <c r="D2639" s="9"/>
      <c r="E2639" s="9"/>
      <c r="F2639" s="35"/>
    </row>
    <row r="2640" spans="1:6" ht="27.75" customHeight="1">
      <c r="A2640" s="39"/>
      <c r="B2640" s="9"/>
      <c r="C2640" s="29"/>
      <c r="D2640" s="9"/>
      <c r="E2640" s="9"/>
      <c r="F2640" s="35"/>
    </row>
    <row r="2641" spans="1:6" ht="27.75" customHeight="1">
      <c r="A2641" s="39"/>
      <c r="B2641" s="9"/>
      <c r="C2641" s="29"/>
      <c r="D2641" s="9"/>
      <c r="E2641" s="9"/>
      <c r="F2641" s="35"/>
    </row>
    <row r="2642" spans="1:6" ht="27.75" customHeight="1">
      <c r="A2642" s="39"/>
      <c r="B2642" s="9"/>
      <c r="C2642" s="29"/>
      <c r="D2642" s="9"/>
      <c r="E2642" s="9"/>
      <c r="F2642" s="35"/>
    </row>
    <row r="2643" spans="1:6" ht="27.75" customHeight="1">
      <c r="A2643" s="39"/>
      <c r="B2643" s="9"/>
      <c r="C2643" s="29"/>
      <c r="D2643" s="9"/>
      <c r="E2643" s="9"/>
      <c r="F2643" s="35"/>
    </row>
    <row r="2644" spans="1:6" ht="27.75" customHeight="1">
      <c r="A2644" s="39"/>
      <c r="B2644" s="9"/>
      <c r="C2644" s="29"/>
      <c r="D2644" s="9"/>
      <c r="E2644" s="9"/>
      <c r="F2644" s="35"/>
    </row>
    <row r="2645" spans="1:6" ht="27.75" customHeight="1">
      <c r="A2645" s="39"/>
      <c r="B2645" s="9"/>
      <c r="C2645" s="29"/>
      <c r="D2645" s="9"/>
      <c r="E2645" s="9"/>
      <c r="F2645" s="35"/>
    </row>
    <row r="2646" spans="1:6" ht="27.75" customHeight="1">
      <c r="A2646" s="39"/>
      <c r="B2646" s="9"/>
      <c r="C2646" s="29"/>
      <c r="D2646" s="9"/>
      <c r="E2646" s="9"/>
      <c r="F2646" s="35"/>
    </row>
    <row r="2647" spans="1:6" ht="27.75" customHeight="1">
      <c r="A2647" s="39"/>
      <c r="B2647" s="9"/>
      <c r="C2647" s="29"/>
      <c r="D2647" s="9"/>
      <c r="E2647" s="9"/>
      <c r="F2647" s="35"/>
    </row>
    <row r="2648" spans="1:6" ht="27.75" customHeight="1">
      <c r="A2648" s="39"/>
      <c r="B2648" s="9"/>
      <c r="C2648" s="29"/>
      <c r="D2648" s="9"/>
      <c r="E2648" s="9"/>
      <c r="F2648" s="35"/>
    </row>
    <row r="2649" spans="1:6" ht="27.75" customHeight="1">
      <c r="A2649" s="39"/>
      <c r="B2649" s="9"/>
      <c r="C2649" s="29"/>
      <c r="D2649" s="9"/>
      <c r="E2649" s="9"/>
      <c r="F2649" s="35"/>
    </row>
    <row r="2650" spans="1:6" ht="27.75" customHeight="1">
      <c r="A2650" s="39"/>
      <c r="B2650" s="9"/>
      <c r="C2650" s="29"/>
      <c r="D2650" s="9"/>
      <c r="E2650" s="9"/>
      <c r="F2650" s="35"/>
    </row>
    <row r="2651" spans="1:6" ht="27.75" customHeight="1">
      <c r="A2651" s="39"/>
      <c r="B2651" s="9"/>
      <c r="C2651" s="29"/>
      <c r="D2651" s="9"/>
      <c r="E2651" s="9"/>
      <c r="F2651" s="35"/>
    </row>
    <row r="2652" spans="1:6" ht="27.75" customHeight="1">
      <c r="A2652" s="39"/>
      <c r="B2652" s="9"/>
      <c r="C2652" s="29"/>
      <c r="D2652" s="9"/>
      <c r="E2652" s="9"/>
      <c r="F2652" s="35"/>
    </row>
    <row r="2653" spans="1:6" ht="27.75" customHeight="1">
      <c r="A2653" s="39"/>
      <c r="B2653" s="9"/>
      <c r="C2653" s="29"/>
      <c r="D2653" s="9"/>
      <c r="E2653" s="9"/>
      <c r="F2653" s="35"/>
    </row>
    <row r="2654" spans="1:6" ht="27.75" customHeight="1">
      <c r="A2654" s="39"/>
      <c r="B2654" s="9"/>
      <c r="C2654" s="29"/>
      <c r="D2654" s="9"/>
      <c r="E2654" s="9"/>
      <c r="F2654" s="35"/>
    </row>
    <row r="2655" spans="1:6" ht="27.75" customHeight="1">
      <c r="A2655" s="39"/>
      <c r="B2655" s="9"/>
      <c r="C2655" s="29"/>
      <c r="D2655" s="9"/>
      <c r="E2655" s="9"/>
      <c r="F2655" s="35"/>
    </row>
    <row r="2656" spans="1:6" ht="27.75" customHeight="1">
      <c r="A2656" s="39"/>
      <c r="B2656" s="9"/>
      <c r="C2656" s="29"/>
      <c r="D2656" s="9"/>
      <c r="E2656" s="9"/>
      <c r="F2656" s="35"/>
    </row>
    <row r="2657" spans="1:6" ht="27.75" customHeight="1">
      <c r="A2657" s="39"/>
      <c r="B2657" s="9"/>
      <c r="C2657" s="29"/>
      <c r="D2657" s="9"/>
      <c r="E2657" s="9"/>
      <c r="F2657" s="35"/>
    </row>
    <row r="2658" spans="1:6" ht="27.75" customHeight="1">
      <c r="A2658" s="39"/>
      <c r="B2658" s="9"/>
      <c r="C2658" s="29"/>
      <c r="D2658" s="9"/>
      <c r="E2658" s="9"/>
      <c r="F2658" s="35"/>
    </row>
    <row r="2659" spans="1:6" ht="27.75" customHeight="1">
      <c r="A2659" s="39"/>
      <c r="B2659" s="9"/>
      <c r="C2659" s="29"/>
      <c r="D2659" s="9"/>
      <c r="E2659" s="9"/>
      <c r="F2659" s="35"/>
    </row>
    <row r="2660" spans="1:6" ht="27.75" customHeight="1">
      <c r="A2660" s="39"/>
      <c r="B2660" s="9"/>
      <c r="C2660" s="29"/>
      <c r="D2660" s="9"/>
      <c r="E2660" s="9"/>
      <c r="F2660" s="35"/>
    </row>
    <row r="2661" spans="1:6" ht="27.75" customHeight="1">
      <c r="A2661" s="39"/>
      <c r="B2661" s="9"/>
      <c r="C2661" s="29"/>
      <c r="D2661" s="9"/>
      <c r="E2661" s="9"/>
      <c r="F2661" s="35"/>
    </row>
    <row r="2662" spans="1:6" ht="27.75" customHeight="1">
      <c r="A2662" s="39"/>
      <c r="B2662" s="9"/>
      <c r="C2662" s="29"/>
      <c r="D2662" s="9"/>
      <c r="E2662" s="9"/>
      <c r="F2662" s="35"/>
    </row>
    <row r="2663" spans="1:6" ht="27.75" customHeight="1">
      <c r="A2663" s="39"/>
      <c r="B2663" s="9"/>
      <c r="C2663" s="29"/>
      <c r="D2663" s="9"/>
      <c r="E2663" s="9"/>
      <c r="F2663" s="35"/>
    </row>
    <row r="2664" spans="1:6" ht="27.75" customHeight="1">
      <c r="A2664" s="39"/>
      <c r="B2664" s="9"/>
      <c r="C2664" s="29"/>
      <c r="D2664" s="9"/>
      <c r="E2664" s="9"/>
      <c r="F2664" s="35"/>
    </row>
    <row r="2665" spans="1:6" ht="27.75" customHeight="1">
      <c r="A2665" s="39"/>
      <c r="B2665" s="9"/>
      <c r="C2665" s="29"/>
      <c r="D2665" s="9"/>
      <c r="E2665" s="9"/>
      <c r="F2665" s="35"/>
    </row>
    <row r="2666" spans="1:6" ht="27.75" customHeight="1">
      <c r="A2666" s="39"/>
      <c r="B2666" s="9"/>
      <c r="C2666" s="29"/>
      <c r="D2666" s="9"/>
      <c r="E2666" s="9"/>
      <c r="F2666" s="35"/>
    </row>
    <row r="2667" spans="1:6" ht="27.75" customHeight="1">
      <c r="A2667" s="39"/>
      <c r="B2667" s="9"/>
      <c r="C2667" s="29"/>
      <c r="D2667" s="9"/>
      <c r="E2667" s="9"/>
      <c r="F2667" s="35"/>
    </row>
    <row r="2668" spans="1:6" ht="27.75" customHeight="1">
      <c r="A2668" s="39"/>
      <c r="B2668" s="9"/>
      <c r="C2668" s="29"/>
      <c r="D2668" s="9"/>
      <c r="E2668" s="9"/>
      <c r="F2668" s="35"/>
    </row>
    <row r="2669" spans="1:6" ht="27.75" customHeight="1">
      <c r="A2669" s="39"/>
      <c r="B2669" s="9"/>
      <c r="C2669" s="29"/>
      <c r="D2669" s="9"/>
      <c r="E2669" s="9"/>
      <c r="F2669" s="35"/>
    </row>
    <row r="2670" spans="1:6" ht="27.75" customHeight="1">
      <c r="A2670" s="39"/>
      <c r="B2670" s="9"/>
      <c r="C2670" s="29"/>
      <c r="D2670" s="9"/>
      <c r="E2670" s="9"/>
      <c r="F2670" s="35"/>
    </row>
    <row r="2671" spans="1:6" ht="27.75" customHeight="1">
      <c r="A2671" s="39"/>
      <c r="B2671" s="9"/>
      <c r="C2671" s="29"/>
      <c r="D2671" s="9"/>
      <c r="E2671" s="9"/>
      <c r="F2671" s="35"/>
    </row>
    <row r="2672" spans="1:6" ht="27.75" customHeight="1">
      <c r="A2672" s="39"/>
      <c r="B2672" s="9"/>
      <c r="C2672" s="29"/>
      <c r="D2672" s="9"/>
      <c r="E2672" s="9"/>
      <c r="F2672" s="35"/>
    </row>
    <row r="2673" spans="1:6" ht="27.75" customHeight="1">
      <c r="A2673" s="39"/>
      <c r="B2673" s="9"/>
      <c r="C2673" s="29"/>
      <c r="D2673" s="9"/>
      <c r="E2673" s="9"/>
      <c r="F2673" s="35"/>
    </row>
    <row r="2674" spans="1:6" ht="27.75" customHeight="1">
      <c r="A2674" s="39"/>
      <c r="B2674" s="9"/>
      <c r="C2674" s="29"/>
      <c r="D2674" s="9"/>
      <c r="E2674" s="9"/>
      <c r="F2674" s="35"/>
    </row>
    <row r="2675" spans="1:6" ht="27.75" customHeight="1">
      <c r="A2675" s="39"/>
      <c r="B2675" s="9"/>
      <c r="C2675" s="29"/>
      <c r="D2675" s="9"/>
      <c r="E2675" s="9"/>
      <c r="F2675" s="35"/>
    </row>
    <row r="2676" spans="1:6" ht="27.75" customHeight="1">
      <c r="A2676" s="39"/>
      <c r="B2676" s="9"/>
      <c r="C2676" s="29"/>
      <c r="D2676" s="9"/>
      <c r="E2676" s="9"/>
      <c r="F2676" s="35"/>
    </row>
    <row r="2677" spans="1:6" ht="27.75" customHeight="1">
      <c r="A2677" s="39"/>
      <c r="B2677" s="9"/>
      <c r="C2677" s="29"/>
      <c r="D2677" s="9"/>
      <c r="E2677" s="9"/>
      <c r="F2677" s="35"/>
    </row>
    <row r="2678" spans="1:6" ht="27.75" customHeight="1">
      <c r="A2678" s="39"/>
      <c r="B2678" s="9"/>
      <c r="C2678" s="29"/>
      <c r="D2678" s="9"/>
      <c r="E2678" s="9"/>
      <c r="F2678" s="35"/>
    </row>
    <row r="2679" spans="1:6" ht="27.75" customHeight="1">
      <c r="A2679" s="39"/>
      <c r="B2679" s="9"/>
      <c r="C2679" s="29"/>
      <c r="D2679" s="9"/>
      <c r="E2679" s="9"/>
      <c r="F2679" s="35"/>
    </row>
    <row r="2680" spans="1:6" ht="27.75" customHeight="1">
      <c r="A2680" s="39"/>
      <c r="B2680" s="9"/>
      <c r="C2680" s="29"/>
      <c r="D2680" s="9"/>
      <c r="E2680" s="9"/>
      <c r="F2680" s="35"/>
    </row>
    <row r="2681" spans="1:6" ht="27.75" customHeight="1">
      <c r="A2681" s="39"/>
      <c r="B2681" s="9"/>
      <c r="C2681" s="29"/>
      <c r="D2681" s="9"/>
      <c r="E2681" s="9"/>
      <c r="F2681" s="35"/>
    </row>
    <row r="2682" spans="1:6" ht="27.75" customHeight="1">
      <c r="A2682" s="39"/>
      <c r="B2682" s="9"/>
      <c r="C2682" s="29"/>
      <c r="D2682" s="9"/>
      <c r="E2682" s="9"/>
      <c r="F2682" s="35"/>
    </row>
    <row r="2683" spans="1:6" ht="27.75" customHeight="1">
      <c r="A2683" s="39"/>
      <c r="B2683" s="9"/>
      <c r="C2683" s="29"/>
      <c r="D2683" s="9"/>
      <c r="E2683" s="9"/>
      <c r="F2683" s="35"/>
    </row>
    <row r="2684" spans="1:6" ht="27.75" customHeight="1">
      <c r="A2684" s="39"/>
      <c r="B2684" s="9"/>
      <c r="C2684" s="29"/>
      <c r="D2684" s="9"/>
      <c r="E2684" s="9"/>
      <c r="F2684" s="35"/>
    </row>
    <row r="2685" spans="1:6" ht="27.75" customHeight="1">
      <c r="A2685" s="39"/>
      <c r="B2685" s="9"/>
      <c r="C2685" s="29"/>
      <c r="D2685" s="9"/>
      <c r="E2685" s="9"/>
      <c r="F2685" s="35"/>
    </row>
    <row r="2686" spans="1:6" ht="27.75" customHeight="1">
      <c r="A2686" s="39"/>
      <c r="B2686" s="9"/>
      <c r="C2686" s="29"/>
      <c r="D2686" s="9"/>
      <c r="E2686" s="9"/>
      <c r="F2686" s="35"/>
    </row>
    <row r="2687" spans="1:6" ht="27.75" customHeight="1">
      <c r="A2687" s="39"/>
      <c r="B2687" s="9"/>
      <c r="C2687" s="29"/>
      <c r="D2687" s="9"/>
      <c r="E2687" s="9"/>
      <c r="F2687" s="35"/>
    </row>
    <row r="2688" spans="1:6" ht="27.75" customHeight="1">
      <c r="A2688" s="39"/>
      <c r="B2688" s="9"/>
      <c r="C2688" s="29"/>
      <c r="D2688" s="9"/>
      <c r="E2688" s="9"/>
      <c r="F2688" s="35"/>
    </row>
    <row r="2689" spans="1:6" ht="27.75" customHeight="1">
      <c r="A2689" s="39"/>
      <c r="B2689" s="9"/>
      <c r="C2689" s="29"/>
      <c r="D2689" s="9"/>
      <c r="E2689" s="9"/>
      <c r="F2689" s="35"/>
    </row>
    <row r="2690" spans="1:6" ht="27.75" customHeight="1">
      <c r="A2690" s="39"/>
      <c r="B2690" s="9"/>
      <c r="C2690" s="29"/>
      <c r="D2690" s="9"/>
      <c r="E2690" s="9"/>
      <c r="F2690" s="35"/>
    </row>
    <row r="2691" spans="1:6" ht="27.75" customHeight="1">
      <c r="A2691" s="39"/>
      <c r="B2691" s="9"/>
      <c r="C2691" s="29"/>
      <c r="D2691" s="9"/>
      <c r="E2691" s="9"/>
      <c r="F2691" s="35"/>
    </row>
    <row r="2692" spans="1:6" ht="27.75" customHeight="1">
      <c r="A2692" s="39"/>
      <c r="B2692" s="9"/>
      <c r="C2692" s="29"/>
      <c r="D2692" s="9"/>
      <c r="E2692" s="9"/>
      <c r="F2692" s="35"/>
    </row>
    <row r="2693" spans="1:6" ht="27.75" customHeight="1">
      <c r="A2693" s="39"/>
      <c r="B2693" s="9"/>
      <c r="C2693" s="29"/>
      <c r="D2693" s="9"/>
      <c r="E2693" s="9"/>
      <c r="F2693" s="35"/>
    </row>
    <row r="2694" spans="1:6" ht="27.75" customHeight="1">
      <c r="A2694" s="39"/>
      <c r="B2694" s="9"/>
      <c r="C2694" s="29"/>
      <c r="D2694" s="9"/>
      <c r="E2694" s="9"/>
      <c r="F2694" s="35"/>
    </row>
    <row r="2695" spans="1:6" ht="27.75" customHeight="1">
      <c r="A2695" s="39"/>
      <c r="B2695" s="9"/>
      <c r="C2695" s="29"/>
      <c r="D2695" s="9"/>
      <c r="E2695" s="9"/>
      <c r="F2695" s="35"/>
    </row>
    <row r="2696" spans="1:6" ht="27.75" customHeight="1">
      <c r="A2696" s="39"/>
      <c r="B2696" s="9"/>
      <c r="C2696" s="29"/>
      <c r="D2696" s="9"/>
      <c r="E2696" s="9"/>
      <c r="F2696" s="35"/>
    </row>
    <row r="2697" spans="1:6" ht="27.75" customHeight="1">
      <c r="A2697" s="39"/>
      <c r="B2697" s="9"/>
      <c r="C2697" s="29"/>
      <c r="D2697" s="9"/>
      <c r="E2697" s="9"/>
      <c r="F2697" s="35"/>
    </row>
    <row r="2698" spans="1:6" ht="27.75" customHeight="1">
      <c r="A2698" s="39"/>
      <c r="B2698" s="9"/>
      <c r="C2698" s="29"/>
      <c r="D2698" s="9"/>
      <c r="E2698" s="9"/>
      <c r="F2698" s="35"/>
    </row>
    <row r="2699" spans="1:6" ht="27.75" customHeight="1">
      <c r="A2699" s="39"/>
      <c r="B2699" s="9"/>
      <c r="C2699" s="29"/>
      <c r="D2699" s="9"/>
      <c r="E2699" s="9"/>
      <c r="F2699" s="35"/>
    </row>
    <row r="2700" spans="1:6" ht="27.75" customHeight="1">
      <c r="A2700" s="39"/>
      <c r="B2700" s="9"/>
      <c r="C2700" s="29"/>
      <c r="D2700" s="9"/>
      <c r="E2700" s="9"/>
      <c r="F2700" s="35"/>
    </row>
    <row r="2701" spans="1:6" ht="27.75" customHeight="1">
      <c r="A2701" s="39"/>
      <c r="B2701" s="9"/>
      <c r="C2701" s="29"/>
      <c r="D2701" s="9"/>
      <c r="E2701" s="9"/>
      <c r="F2701" s="35"/>
    </row>
    <row r="2702" spans="1:6" ht="27.75" customHeight="1">
      <c r="A2702" s="39"/>
      <c r="B2702" s="9"/>
      <c r="C2702" s="29"/>
      <c r="D2702" s="9"/>
      <c r="E2702" s="9"/>
      <c r="F2702" s="35"/>
    </row>
    <row r="2703" spans="1:6" ht="27.75" customHeight="1">
      <c r="A2703" s="39"/>
      <c r="B2703" s="9"/>
      <c r="C2703" s="29"/>
      <c r="D2703" s="9"/>
      <c r="E2703" s="9"/>
      <c r="F2703" s="35"/>
    </row>
    <row r="2704" spans="1:6" ht="27.75" customHeight="1">
      <c r="A2704" s="39"/>
      <c r="B2704" s="9"/>
      <c r="C2704" s="29"/>
      <c r="D2704" s="9"/>
      <c r="E2704" s="9"/>
      <c r="F2704" s="35"/>
    </row>
    <row r="2705" spans="1:6" ht="27.75" customHeight="1">
      <c r="A2705" s="39"/>
      <c r="B2705" s="9"/>
      <c r="C2705" s="29"/>
      <c r="D2705" s="9"/>
      <c r="E2705" s="9"/>
      <c r="F2705" s="35"/>
    </row>
    <row r="2706" spans="1:6" ht="27.75" customHeight="1">
      <c r="A2706" s="39"/>
      <c r="B2706" s="9"/>
      <c r="C2706" s="29"/>
      <c r="D2706" s="9"/>
      <c r="E2706" s="9"/>
      <c r="F2706" s="35"/>
    </row>
    <row r="2707" spans="1:6" ht="27.75" customHeight="1">
      <c r="A2707" s="39"/>
      <c r="B2707" s="9"/>
      <c r="C2707" s="29"/>
      <c r="D2707" s="9"/>
      <c r="E2707" s="9"/>
      <c r="F2707" s="35"/>
    </row>
    <row r="2708" spans="1:6" ht="27.75" customHeight="1">
      <c r="A2708" s="39"/>
      <c r="B2708" s="9"/>
      <c r="C2708" s="29"/>
      <c r="D2708" s="9"/>
      <c r="E2708" s="9"/>
      <c r="F2708" s="35"/>
    </row>
    <row r="2709" spans="1:6" ht="27.75" customHeight="1">
      <c r="A2709" s="39"/>
      <c r="B2709" s="9"/>
      <c r="C2709" s="29"/>
      <c r="D2709" s="9"/>
      <c r="E2709" s="9"/>
      <c r="F2709" s="35"/>
    </row>
    <row r="2710" spans="1:6" ht="27.75" customHeight="1">
      <c r="A2710" s="39"/>
      <c r="B2710" s="9"/>
      <c r="C2710" s="29"/>
      <c r="D2710" s="9"/>
      <c r="E2710" s="9"/>
      <c r="F2710" s="35"/>
    </row>
    <row r="2711" spans="1:6" ht="27.75" customHeight="1">
      <c r="A2711" s="39"/>
      <c r="B2711" s="9"/>
      <c r="C2711" s="29"/>
      <c r="D2711" s="9"/>
      <c r="E2711" s="9"/>
      <c r="F2711" s="35"/>
    </row>
    <row r="2712" spans="1:6" ht="27.75" customHeight="1">
      <c r="A2712" s="39"/>
      <c r="B2712" s="9"/>
      <c r="C2712" s="29"/>
      <c r="D2712" s="9"/>
      <c r="E2712" s="9"/>
      <c r="F2712" s="35"/>
    </row>
    <row r="2713" spans="1:6" ht="27.75" customHeight="1">
      <c r="A2713" s="39"/>
      <c r="B2713" s="9"/>
      <c r="C2713" s="29"/>
      <c r="D2713" s="9"/>
      <c r="E2713" s="9"/>
      <c r="F2713" s="35"/>
    </row>
    <row r="2714" spans="1:6" ht="27.75" customHeight="1">
      <c r="A2714" s="39"/>
      <c r="B2714" s="9"/>
      <c r="C2714" s="29"/>
      <c r="D2714" s="9"/>
      <c r="E2714" s="9"/>
      <c r="F2714" s="35"/>
    </row>
    <row r="2715" spans="1:6" ht="27.75" customHeight="1">
      <c r="A2715" s="39"/>
      <c r="B2715" s="9"/>
      <c r="C2715" s="29"/>
      <c r="D2715" s="9"/>
      <c r="E2715" s="9"/>
      <c r="F2715" s="35"/>
    </row>
    <row r="2716" spans="1:6" ht="27.75" customHeight="1">
      <c r="A2716" s="39"/>
      <c r="B2716" s="9"/>
      <c r="C2716" s="29"/>
      <c r="D2716" s="9"/>
      <c r="E2716" s="9"/>
      <c r="F2716" s="35"/>
    </row>
    <row r="2717" spans="1:6" ht="27.75" customHeight="1">
      <c r="A2717" s="39"/>
      <c r="B2717" s="9"/>
      <c r="C2717" s="29"/>
      <c r="D2717" s="9"/>
      <c r="E2717" s="9"/>
      <c r="F2717" s="35"/>
    </row>
    <row r="2718" spans="1:6" ht="27.75" customHeight="1">
      <c r="A2718" s="39"/>
      <c r="B2718" s="9"/>
      <c r="C2718" s="29"/>
      <c r="D2718" s="9"/>
      <c r="E2718" s="9"/>
      <c r="F2718" s="35"/>
    </row>
    <row r="2719" spans="1:6" ht="27.75" customHeight="1">
      <c r="A2719" s="39"/>
      <c r="B2719" s="9"/>
      <c r="C2719" s="29"/>
      <c r="D2719" s="9"/>
      <c r="E2719" s="9"/>
      <c r="F2719" s="35"/>
    </row>
    <row r="2720" spans="1:6" ht="27.75" customHeight="1">
      <c r="A2720" s="39"/>
      <c r="B2720" s="9"/>
      <c r="C2720" s="29"/>
      <c r="D2720" s="9"/>
      <c r="E2720" s="9"/>
      <c r="F2720" s="35"/>
    </row>
    <row r="2721" spans="1:6" ht="27.75" customHeight="1">
      <c r="A2721" s="39"/>
      <c r="B2721" s="9"/>
      <c r="C2721" s="29"/>
      <c r="D2721" s="9"/>
      <c r="E2721" s="9"/>
      <c r="F2721" s="35"/>
    </row>
    <row r="2722" spans="1:6" ht="27.75" customHeight="1">
      <c r="A2722" s="39"/>
      <c r="B2722" s="9"/>
      <c r="C2722" s="29"/>
      <c r="D2722" s="9"/>
      <c r="E2722" s="9"/>
      <c r="F2722" s="35"/>
    </row>
    <row r="2723" spans="1:6" ht="27.75" customHeight="1">
      <c r="A2723" s="39"/>
      <c r="B2723" s="9"/>
      <c r="C2723" s="29"/>
      <c r="D2723" s="9"/>
      <c r="E2723" s="9"/>
      <c r="F2723" s="35"/>
    </row>
    <row r="2724" spans="1:6" ht="27.75" customHeight="1">
      <c r="A2724" s="39"/>
      <c r="B2724" s="9"/>
      <c r="C2724" s="29"/>
      <c r="D2724" s="9"/>
      <c r="E2724" s="9"/>
      <c r="F2724" s="35"/>
    </row>
    <row r="2725" spans="1:6" ht="27.75" customHeight="1">
      <c r="A2725" s="39"/>
      <c r="B2725" s="9"/>
      <c r="C2725" s="29"/>
      <c r="D2725" s="9"/>
      <c r="E2725" s="9"/>
      <c r="F2725" s="35"/>
    </row>
    <row r="2726" spans="1:6" ht="27.75" customHeight="1">
      <c r="A2726" s="39"/>
      <c r="B2726" s="9"/>
      <c r="C2726" s="29"/>
      <c r="D2726" s="9"/>
      <c r="E2726" s="9"/>
      <c r="F2726" s="35"/>
    </row>
    <row r="2727" spans="1:6" ht="27.75" customHeight="1">
      <c r="A2727" s="39"/>
      <c r="B2727" s="9"/>
      <c r="C2727" s="29"/>
      <c r="D2727" s="9"/>
      <c r="E2727" s="9"/>
      <c r="F2727" s="35"/>
    </row>
    <row r="2728" spans="1:6" ht="27.75" customHeight="1">
      <c r="A2728" s="39"/>
      <c r="B2728" s="9"/>
      <c r="C2728" s="29"/>
      <c r="D2728" s="9"/>
      <c r="E2728" s="9"/>
      <c r="F2728" s="35"/>
    </row>
    <row r="2729" spans="1:6" ht="27.75" customHeight="1">
      <c r="A2729" s="39"/>
      <c r="B2729" s="9"/>
      <c r="C2729" s="29"/>
      <c r="D2729" s="9"/>
      <c r="E2729" s="9"/>
      <c r="F2729" s="35"/>
    </row>
    <row r="2730" spans="1:6" ht="27.75" customHeight="1">
      <c r="A2730" s="39"/>
      <c r="B2730" s="9"/>
      <c r="C2730" s="29"/>
      <c r="D2730" s="9"/>
      <c r="E2730" s="9"/>
      <c r="F2730" s="35"/>
    </row>
    <row r="2731" spans="1:6" ht="27.75" customHeight="1">
      <c r="A2731" s="39"/>
      <c r="B2731" s="9"/>
      <c r="C2731" s="29"/>
      <c r="D2731" s="9"/>
      <c r="E2731" s="9"/>
      <c r="F2731" s="35"/>
    </row>
    <row r="2732" spans="1:6" ht="27.75" customHeight="1">
      <c r="A2732" s="39"/>
      <c r="B2732" s="9"/>
      <c r="C2732" s="29"/>
      <c r="D2732" s="9"/>
      <c r="E2732" s="9"/>
      <c r="F2732" s="35"/>
    </row>
    <row r="2733" spans="1:6" ht="27.75" customHeight="1">
      <c r="A2733" s="39"/>
      <c r="B2733" s="9"/>
      <c r="C2733" s="29"/>
      <c r="D2733" s="9"/>
      <c r="E2733" s="9"/>
      <c r="F2733" s="35"/>
    </row>
    <row r="2734" spans="1:6" ht="27.75" customHeight="1">
      <c r="A2734" s="39"/>
      <c r="B2734" s="9"/>
      <c r="C2734" s="29"/>
      <c r="D2734" s="9"/>
      <c r="E2734" s="9"/>
      <c r="F2734" s="35"/>
    </row>
    <row r="2735" spans="1:6" ht="27.75" customHeight="1">
      <c r="A2735" s="39"/>
      <c r="B2735" s="9"/>
      <c r="C2735" s="29"/>
      <c r="D2735" s="9"/>
      <c r="E2735" s="9"/>
      <c r="F2735" s="35"/>
    </row>
    <row r="2736" spans="1:6" ht="27.75" customHeight="1">
      <c r="A2736" s="39"/>
      <c r="B2736" s="9"/>
      <c r="C2736" s="29"/>
      <c r="D2736" s="9"/>
      <c r="E2736" s="9"/>
      <c r="F2736" s="35"/>
    </row>
    <row r="2737" spans="1:6" ht="27.75" customHeight="1">
      <c r="A2737" s="39"/>
      <c r="B2737" s="9"/>
      <c r="C2737" s="29"/>
      <c r="D2737" s="9"/>
      <c r="E2737" s="9"/>
      <c r="F2737" s="35"/>
    </row>
    <row r="2738" spans="1:6" ht="27.75" customHeight="1">
      <c r="A2738" s="39"/>
      <c r="B2738" s="9"/>
      <c r="C2738" s="29"/>
      <c r="D2738" s="9"/>
      <c r="E2738" s="9"/>
      <c r="F2738" s="35"/>
    </row>
    <row r="2739" spans="1:6" ht="27.75" customHeight="1">
      <c r="A2739" s="39"/>
      <c r="B2739" s="9"/>
      <c r="C2739" s="29"/>
      <c r="D2739" s="9"/>
      <c r="E2739" s="9"/>
      <c r="F2739" s="35"/>
    </row>
    <row r="2740" spans="1:6" ht="27.75" customHeight="1">
      <c r="A2740" s="39"/>
      <c r="B2740" s="9"/>
      <c r="C2740" s="29"/>
      <c r="D2740" s="9"/>
      <c r="E2740" s="9"/>
      <c r="F2740" s="35"/>
    </row>
    <row r="2741" spans="1:6" ht="27.75" customHeight="1">
      <c r="A2741" s="39"/>
      <c r="B2741" s="9"/>
      <c r="C2741" s="29"/>
      <c r="D2741" s="9"/>
      <c r="E2741" s="9"/>
      <c r="F2741" s="35"/>
    </row>
    <row r="2742" spans="1:6" ht="27.75" customHeight="1">
      <c r="A2742" s="39"/>
      <c r="B2742" s="9"/>
      <c r="C2742" s="29"/>
      <c r="D2742" s="9"/>
      <c r="E2742" s="9"/>
      <c r="F2742" s="35"/>
    </row>
    <row r="2743" spans="1:6" ht="27.75" customHeight="1">
      <c r="A2743" s="39"/>
      <c r="B2743" s="9"/>
      <c r="C2743" s="29"/>
      <c r="D2743" s="9"/>
      <c r="E2743" s="9"/>
      <c r="F2743" s="35"/>
    </row>
    <row r="2744" spans="1:6" ht="27.75" customHeight="1">
      <c r="A2744" s="39"/>
      <c r="B2744" s="9"/>
      <c r="C2744" s="29"/>
      <c r="D2744" s="9"/>
      <c r="E2744" s="9"/>
      <c r="F2744" s="35"/>
    </row>
    <row r="2745" spans="1:6" ht="27.75" customHeight="1">
      <c r="A2745" s="39"/>
      <c r="B2745" s="9"/>
      <c r="C2745" s="29"/>
      <c r="D2745" s="9"/>
      <c r="E2745" s="9"/>
      <c r="F2745" s="35"/>
    </row>
    <row r="2746" spans="1:6" ht="27.75" customHeight="1">
      <c r="A2746" s="39"/>
      <c r="B2746" s="9"/>
      <c r="C2746" s="29"/>
      <c r="D2746" s="9"/>
      <c r="E2746" s="9"/>
      <c r="F2746" s="35"/>
    </row>
    <row r="2747" spans="1:6" ht="27.75" customHeight="1">
      <c r="A2747" s="39"/>
      <c r="B2747" s="9"/>
      <c r="C2747" s="29"/>
      <c r="D2747" s="9"/>
      <c r="E2747" s="9"/>
      <c r="F2747" s="35"/>
    </row>
    <row r="2748" spans="1:6" ht="27.75" customHeight="1">
      <c r="A2748" s="39"/>
      <c r="B2748" s="9"/>
      <c r="C2748" s="29"/>
      <c r="D2748" s="9"/>
      <c r="E2748" s="9"/>
      <c r="F2748" s="35"/>
    </row>
    <row r="2749" spans="1:6" ht="27.75" customHeight="1">
      <c r="A2749" s="39"/>
      <c r="B2749" s="9"/>
      <c r="C2749" s="29"/>
      <c r="D2749" s="9"/>
      <c r="E2749" s="9"/>
      <c r="F2749" s="35"/>
    </row>
    <row r="2750" spans="1:6" ht="27.75" customHeight="1">
      <c r="A2750" s="39"/>
      <c r="B2750" s="9"/>
      <c r="C2750" s="29"/>
      <c r="D2750" s="9"/>
      <c r="E2750" s="9"/>
      <c r="F2750" s="35"/>
    </row>
    <row r="2751" spans="1:6" ht="27.75" customHeight="1">
      <c r="A2751" s="39"/>
      <c r="B2751" s="9"/>
      <c r="C2751" s="29"/>
      <c r="D2751" s="9"/>
      <c r="E2751" s="9"/>
      <c r="F2751" s="35"/>
    </row>
    <row r="2752" spans="1:6" ht="27.75" customHeight="1">
      <c r="A2752" s="39"/>
      <c r="B2752" s="9"/>
      <c r="C2752" s="29"/>
      <c r="D2752" s="9"/>
      <c r="E2752" s="9"/>
      <c r="F2752" s="35"/>
    </row>
    <row r="2753" spans="1:6" ht="27.75" customHeight="1">
      <c r="A2753" s="39"/>
      <c r="B2753" s="9"/>
      <c r="C2753" s="29"/>
      <c r="D2753" s="9"/>
      <c r="E2753" s="9"/>
      <c r="F2753" s="35"/>
    </row>
    <row r="2754" spans="1:6" ht="27.75" customHeight="1">
      <c r="A2754" s="39"/>
      <c r="B2754" s="9"/>
      <c r="C2754" s="29"/>
      <c r="D2754" s="9"/>
      <c r="E2754" s="9"/>
      <c r="F2754" s="35"/>
    </row>
    <row r="2755" spans="1:6" ht="27.75" customHeight="1">
      <c r="A2755" s="39"/>
      <c r="B2755" s="9"/>
      <c r="C2755" s="29"/>
      <c r="D2755" s="9"/>
      <c r="E2755" s="9"/>
      <c r="F2755" s="35"/>
    </row>
    <row r="2756" spans="1:6" ht="27.75" customHeight="1">
      <c r="A2756" s="39"/>
      <c r="B2756" s="9"/>
      <c r="C2756" s="29"/>
      <c r="D2756" s="9"/>
      <c r="E2756" s="9"/>
      <c r="F2756" s="35"/>
    </row>
    <row r="2757" spans="1:6" ht="27.75" customHeight="1">
      <c r="A2757" s="39"/>
      <c r="B2757" s="9"/>
      <c r="C2757" s="29"/>
      <c r="D2757" s="9"/>
      <c r="E2757" s="9"/>
      <c r="F2757" s="35"/>
    </row>
    <row r="2758" spans="1:6" ht="27.75" customHeight="1">
      <c r="A2758" s="39"/>
      <c r="B2758" s="9"/>
      <c r="C2758" s="29"/>
      <c r="D2758" s="9"/>
      <c r="E2758" s="9"/>
      <c r="F2758" s="35"/>
    </row>
    <row r="2759" spans="1:6" ht="27.75" customHeight="1">
      <c r="A2759" s="39"/>
      <c r="B2759" s="9"/>
      <c r="C2759" s="29"/>
      <c r="D2759" s="9"/>
      <c r="E2759" s="9"/>
      <c r="F2759" s="35"/>
    </row>
    <row r="2760" spans="1:6" ht="27.75" customHeight="1">
      <c r="A2760" s="39"/>
      <c r="B2760" s="9"/>
      <c r="C2760" s="29"/>
      <c r="D2760" s="9"/>
      <c r="E2760" s="9"/>
      <c r="F2760" s="35"/>
    </row>
    <row r="2761" spans="1:6" ht="27.75" customHeight="1">
      <c r="A2761" s="39"/>
      <c r="B2761" s="9"/>
      <c r="C2761" s="29"/>
      <c r="D2761" s="9"/>
      <c r="E2761" s="9"/>
      <c r="F2761" s="35"/>
    </row>
    <row r="2762" spans="1:6" ht="27.75" customHeight="1">
      <c r="A2762" s="39"/>
      <c r="B2762" s="9"/>
      <c r="C2762" s="29"/>
      <c r="D2762" s="9"/>
      <c r="E2762" s="9"/>
      <c r="F2762" s="35"/>
    </row>
    <row r="2763" spans="1:6" ht="27.75" customHeight="1">
      <c r="A2763" s="39"/>
      <c r="B2763" s="9"/>
      <c r="C2763" s="29"/>
      <c r="D2763" s="9"/>
      <c r="E2763" s="9"/>
      <c r="F2763" s="35"/>
    </row>
    <row r="2764" spans="1:6" ht="27.75" customHeight="1">
      <c r="A2764" s="39"/>
      <c r="B2764" s="9"/>
      <c r="C2764" s="29"/>
      <c r="D2764" s="9"/>
      <c r="E2764" s="9"/>
      <c r="F2764" s="35"/>
    </row>
    <row r="2765" spans="1:6" ht="27.75" customHeight="1">
      <c r="A2765" s="39"/>
      <c r="B2765" s="9"/>
      <c r="C2765" s="29"/>
      <c r="D2765" s="9"/>
      <c r="E2765" s="9"/>
      <c r="F2765" s="35"/>
    </row>
    <row r="2766" spans="1:6" ht="27.75" customHeight="1">
      <c r="A2766" s="39"/>
      <c r="B2766" s="9"/>
      <c r="C2766" s="29"/>
      <c r="D2766" s="9"/>
      <c r="E2766" s="9"/>
      <c r="F2766" s="35"/>
    </row>
    <row r="2767" spans="1:6" ht="27.75" customHeight="1">
      <c r="A2767" s="39"/>
      <c r="B2767" s="9"/>
      <c r="C2767" s="29"/>
      <c r="D2767" s="9"/>
      <c r="E2767" s="9"/>
      <c r="F2767" s="35"/>
    </row>
    <row r="2768" spans="1:6" ht="27.75" customHeight="1">
      <c r="A2768" s="39"/>
      <c r="B2768" s="9"/>
      <c r="C2768" s="29"/>
      <c r="D2768" s="9"/>
      <c r="E2768" s="9"/>
      <c r="F2768" s="35"/>
    </row>
    <row r="2769" spans="1:6" ht="27.75" customHeight="1">
      <c r="A2769" s="39"/>
      <c r="B2769" s="9"/>
      <c r="C2769" s="29"/>
      <c r="D2769" s="9"/>
      <c r="E2769" s="9"/>
      <c r="F2769" s="35"/>
    </row>
    <row r="2770" spans="1:6" ht="27.75" customHeight="1">
      <c r="A2770" s="39"/>
      <c r="B2770" s="9"/>
      <c r="C2770" s="29"/>
      <c r="D2770" s="9"/>
      <c r="E2770" s="9"/>
      <c r="F2770" s="35"/>
    </row>
    <row r="2771" spans="1:6" ht="27.75" customHeight="1">
      <c r="A2771" s="39"/>
      <c r="B2771" s="9"/>
      <c r="C2771" s="29"/>
      <c r="D2771" s="9"/>
      <c r="E2771" s="9"/>
      <c r="F2771" s="35"/>
    </row>
    <row r="2772" spans="1:6" ht="27.75" customHeight="1">
      <c r="A2772" s="39"/>
      <c r="B2772" s="9"/>
      <c r="C2772" s="29"/>
      <c r="D2772" s="9"/>
      <c r="E2772" s="9"/>
      <c r="F2772" s="35"/>
    </row>
    <row r="2773" spans="1:6" ht="27.75" customHeight="1">
      <c r="A2773" s="39"/>
      <c r="B2773" s="9"/>
      <c r="C2773" s="29"/>
      <c r="D2773" s="9"/>
      <c r="E2773" s="9"/>
      <c r="F2773" s="35"/>
    </row>
    <row r="2774" spans="1:6" ht="27.75" customHeight="1">
      <c r="A2774" s="39"/>
      <c r="B2774" s="9"/>
      <c r="C2774" s="29"/>
      <c r="D2774" s="9"/>
      <c r="E2774" s="9"/>
      <c r="F2774" s="35"/>
    </row>
    <row r="2775" spans="1:6" ht="27.75" customHeight="1">
      <c r="A2775" s="39"/>
      <c r="B2775" s="9"/>
      <c r="C2775" s="29"/>
      <c r="D2775" s="9"/>
      <c r="E2775" s="9"/>
      <c r="F2775" s="35"/>
    </row>
    <row r="2776" spans="1:6" ht="27.75" customHeight="1">
      <c r="A2776" s="39"/>
      <c r="B2776" s="9"/>
      <c r="C2776" s="29"/>
      <c r="D2776" s="9"/>
      <c r="E2776" s="9"/>
      <c r="F2776" s="35"/>
    </row>
    <row r="2777" spans="1:6" ht="27.75" customHeight="1">
      <c r="A2777" s="39"/>
      <c r="B2777" s="9"/>
      <c r="C2777" s="29"/>
      <c r="D2777" s="9"/>
      <c r="E2777" s="9"/>
      <c r="F2777" s="35"/>
    </row>
    <row r="2778" spans="1:6" ht="27.75" customHeight="1">
      <c r="A2778" s="39"/>
      <c r="B2778" s="9"/>
      <c r="C2778" s="29"/>
      <c r="D2778" s="9"/>
      <c r="E2778" s="9"/>
      <c r="F2778" s="35"/>
    </row>
    <row r="2779" spans="1:6" ht="27.75" customHeight="1">
      <c r="A2779" s="39"/>
      <c r="B2779" s="9"/>
      <c r="C2779" s="29"/>
      <c r="D2779" s="9"/>
      <c r="E2779" s="9"/>
      <c r="F2779" s="35"/>
    </row>
    <row r="2780" spans="1:6" ht="27.75" customHeight="1">
      <c r="A2780" s="39"/>
      <c r="B2780" s="9"/>
      <c r="C2780" s="29"/>
      <c r="D2780" s="9"/>
      <c r="E2780" s="9"/>
      <c r="F2780" s="35"/>
    </row>
    <row r="2781" spans="1:6" ht="27.75" customHeight="1">
      <c r="A2781" s="39"/>
      <c r="B2781" s="9"/>
      <c r="C2781" s="29"/>
      <c r="D2781" s="9"/>
      <c r="E2781" s="9"/>
      <c r="F2781" s="35"/>
    </row>
    <row r="2782" spans="1:6" ht="27.75" customHeight="1">
      <c r="A2782" s="39"/>
      <c r="B2782" s="9"/>
      <c r="C2782" s="29"/>
      <c r="D2782" s="9"/>
      <c r="E2782" s="9"/>
      <c r="F2782" s="35"/>
    </row>
    <row r="2783" spans="1:6" ht="27.75" customHeight="1">
      <c r="A2783" s="39"/>
      <c r="B2783" s="9"/>
      <c r="C2783" s="29"/>
      <c r="D2783" s="9"/>
      <c r="E2783" s="9"/>
      <c r="F2783" s="35"/>
    </row>
    <row r="2784" spans="1:6" ht="27.75" customHeight="1">
      <c r="A2784" s="39"/>
      <c r="B2784" s="9"/>
      <c r="C2784" s="29"/>
      <c r="D2784" s="9"/>
      <c r="E2784" s="9"/>
      <c r="F2784" s="35"/>
    </row>
    <row r="2785" spans="1:6" ht="27.75" customHeight="1">
      <c r="A2785" s="39"/>
      <c r="B2785" s="9"/>
      <c r="C2785" s="29"/>
      <c r="D2785" s="9"/>
      <c r="E2785" s="9"/>
      <c r="F2785" s="35"/>
    </row>
    <row r="2786" spans="1:6" ht="27.75" customHeight="1">
      <c r="A2786" s="39"/>
      <c r="B2786" s="9"/>
      <c r="C2786" s="29"/>
      <c r="D2786" s="9"/>
      <c r="E2786" s="9"/>
      <c r="F2786" s="35"/>
    </row>
    <row r="2787" spans="1:6" ht="27.75" customHeight="1">
      <c r="A2787" s="39"/>
      <c r="B2787" s="9"/>
      <c r="C2787" s="29"/>
      <c r="D2787" s="9"/>
      <c r="E2787" s="9"/>
      <c r="F2787" s="35"/>
    </row>
    <row r="2788" spans="1:6" ht="27.75" customHeight="1">
      <c r="A2788" s="39"/>
      <c r="B2788" s="9"/>
      <c r="C2788" s="29"/>
      <c r="D2788" s="9"/>
      <c r="E2788" s="9"/>
      <c r="F2788" s="35"/>
    </row>
    <row r="2789" spans="1:6" ht="27.75" customHeight="1">
      <c r="A2789" s="39"/>
      <c r="B2789" s="9"/>
      <c r="C2789" s="29"/>
      <c r="D2789" s="9"/>
      <c r="E2789" s="9"/>
      <c r="F2789" s="35"/>
    </row>
    <row r="2790" spans="1:6" ht="27.75" customHeight="1">
      <c r="A2790" s="39"/>
      <c r="B2790" s="9"/>
      <c r="C2790" s="29"/>
      <c r="D2790" s="9"/>
      <c r="E2790" s="9"/>
      <c r="F2790" s="35"/>
    </row>
    <row r="2791" spans="1:6" ht="27.75" customHeight="1">
      <c r="A2791" s="39"/>
      <c r="B2791" s="9"/>
      <c r="C2791" s="29"/>
      <c r="D2791" s="9"/>
      <c r="E2791" s="9"/>
      <c r="F2791" s="35"/>
    </row>
    <row r="2792" spans="1:6" ht="27.75" customHeight="1">
      <c r="A2792" s="39"/>
      <c r="B2792" s="9"/>
      <c r="C2792" s="29"/>
      <c r="D2792" s="9"/>
      <c r="E2792" s="9"/>
      <c r="F2792" s="35"/>
    </row>
    <row r="2793" spans="1:6" ht="27.75" customHeight="1">
      <c r="A2793" s="39"/>
      <c r="B2793" s="9"/>
      <c r="C2793" s="29"/>
      <c r="D2793" s="9"/>
      <c r="E2793" s="9"/>
      <c r="F2793" s="35"/>
    </row>
    <row r="2794" spans="1:6" ht="27.75" customHeight="1">
      <c r="A2794" s="39"/>
      <c r="B2794" s="9"/>
      <c r="C2794" s="29"/>
      <c r="D2794" s="9"/>
      <c r="E2794" s="9"/>
      <c r="F2794" s="35"/>
    </row>
    <row r="2795" spans="1:6" ht="27.75" customHeight="1">
      <c r="A2795" s="39"/>
      <c r="B2795" s="9"/>
      <c r="C2795" s="29"/>
      <c r="D2795" s="9"/>
      <c r="E2795" s="9"/>
      <c r="F2795" s="35"/>
    </row>
    <row r="2796" spans="1:6" ht="27.75" customHeight="1">
      <c r="A2796" s="39"/>
      <c r="B2796" s="9"/>
      <c r="C2796" s="29"/>
      <c r="D2796" s="9"/>
      <c r="E2796" s="9"/>
      <c r="F2796" s="35"/>
    </row>
    <row r="2797" spans="1:6" ht="27.75" customHeight="1">
      <c r="A2797" s="39"/>
      <c r="B2797" s="9"/>
      <c r="C2797" s="29"/>
      <c r="D2797" s="9"/>
      <c r="E2797" s="9"/>
      <c r="F2797" s="35"/>
    </row>
    <row r="2798" spans="1:6" ht="27.75" customHeight="1">
      <c r="A2798" s="39"/>
      <c r="B2798" s="9"/>
      <c r="C2798" s="29"/>
      <c r="D2798" s="9"/>
      <c r="E2798" s="9"/>
      <c r="F2798" s="35"/>
    </row>
    <row r="2799" spans="1:6" ht="27.75" customHeight="1">
      <c r="A2799" s="39"/>
      <c r="B2799" s="9"/>
      <c r="C2799" s="29"/>
      <c r="D2799" s="9"/>
      <c r="E2799" s="9"/>
      <c r="F2799" s="35"/>
    </row>
    <row r="2800" spans="1:6" ht="27.75" customHeight="1">
      <c r="A2800" s="39"/>
      <c r="B2800" s="9"/>
      <c r="C2800" s="29"/>
      <c r="D2800" s="9"/>
      <c r="E2800" s="9"/>
      <c r="F2800" s="35"/>
    </row>
    <row r="2801" spans="1:6" ht="27.75" customHeight="1">
      <c r="A2801" s="39"/>
      <c r="B2801" s="9"/>
      <c r="C2801" s="29"/>
      <c r="D2801" s="9"/>
      <c r="E2801" s="9"/>
      <c r="F2801" s="35"/>
    </row>
    <row r="2802" spans="1:6" ht="27.75" customHeight="1">
      <c r="A2802" s="39"/>
      <c r="B2802" s="9"/>
      <c r="C2802" s="29"/>
      <c r="D2802" s="9"/>
      <c r="E2802" s="9"/>
      <c r="F2802" s="35"/>
    </row>
    <row r="2803" spans="1:6" ht="27.75" customHeight="1">
      <c r="A2803" s="39"/>
      <c r="B2803" s="9"/>
      <c r="C2803" s="29"/>
      <c r="D2803" s="9"/>
      <c r="E2803" s="9"/>
      <c r="F2803" s="35"/>
    </row>
    <row r="2804" spans="1:6" ht="27.75" customHeight="1">
      <c r="A2804" s="39"/>
      <c r="B2804" s="9"/>
      <c r="C2804" s="29"/>
      <c r="D2804" s="9"/>
      <c r="E2804" s="9"/>
      <c r="F2804" s="35"/>
    </row>
    <row r="2805" spans="1:6" ht="27.75" customHeight="1">
      <c r="A2805" s="39"/>
      <c r="B2805" s="9"/>
      <c r="C2805" s="29"/>
      <c r="D2805" s="9"/>
      <c r="E2805" s="9"/>
      <c r="F2805" s="35"/>
    </row>
    <row r="2806" spans="1:6" ht="27.75" customHeight="1">
      <c r="A2806" s="39"/>
      <c r="B2806" s="9"/>
      <c r="C2806" s="29"/>
      <c r="D2806" s="9"/>
      <c r="E2806" s="9"/>
      <c r="F2806" s="35"/>
    </row>
    <row r="2807" spans="1:6" ht="27.75" customHeight="1">
      <c r="A2807" s="39"/>
      <c r="B2807" s="9"/>
      <c r="C2807" s="29"/>
      <c r="D2807" s="9"/>
      <c r="E2807" s="9"/>
      <c r="F2807" s="35"/>
    </row>
    <row r="2808" spans="1:6" ht="27.75" customHeight="1">
      <c r="A2808" s="39"/>
      <c r="B2808" s="9"/>
      <c r="C2808" s="29"/>
      <c r="D2808" s="9"/>
      <c r="E2808" s="9"/>
      <c r="F2808" s="35"/>
    </row>
    <row r="2809" spans="1:6" ht="27.75" customHeight="1">
      <c r="A2809" s="39"/>
      <c r="B2809" s="9"/>
      <c r="C2809" s="29"/>
      <c r="D2809" s="9"/>
      <c r="E2809" s="9"/>
      <c r="F2809" s="35"/>
    </row>
    <row r="2810" spans="1:6" ht="27.75" customHeight="1">
      <c r="A2810" s="39"/>
      <c r="B2810" s="9"/>
      <c r="C2810" s="29"/>
      <c r="D2810" s="9"/>
      <c r="E2810" s="9"/>
      <c r="F2810" s="35"/>
    </row>
    <row r="2811" spans="1:6" ht="27.75" customHeight="1">
      <c r="A2811" s="39"/>
      <c r="B2811" s="9"/>
      <c r="C2811" s="29"/>
      <c r="D2811" s="9"/>
      <c r="E2811" s="9"/>
      <c r="F2811" s="35"/>
    </row>
    <row r="2812" spans="1:6" ht="27.75" customHeight="1">
      <c r="A2812" s="39"/>
      <c r="B2812" s="9"/>
      <c r="C2812" s="29"/>
      <c r="D2812" s="9"/>
      <c r="E2812" s="9"/>
      <c r="F2812" s="35"/>
    </row>
    <row r="2813" spans="1:6" ht="27.75" customHeight="1">
      <c r="A2813" s="39"/>
      <c r="B2813" s="9"/>
      <c r="C2813" s="29"/>
      <c r="D2813" s="9"/>
      <c r="E2813" s="9"/>
      <c r="F2813" s="35"/>
    </row>
    <row r="2814" spans="1:6" ht="27.75" customHeight="1">
      <c r="A2814" s="39"/>
      <c r="B2814" s="9"/>
      <c r="C2814" s="29"/>
      <c r="D2814" s="9"/>
      <c r="E2814" s="9"/>
      <c r="F2814" s="35"/>
    </row>
    <row r="2815" spans="1:6" ht="27.75" customHeight="1">
      <c r="A2815" s="39"/>
      <c r="B2815" s="9"/>
      <c r="C2815" s="29"/>
      <c r="D2815" s="9"/>
      <c r="E2815" s="9"/>
      <c r="F2815" s="35"/>
    </row>
    <row r="2816" spans="1:6" ht="27.75" customHeight="1">
      <c r="A2816" s="39"/>
      <c r="B2816" s="9"/>
      <c r="C2816" s="29"/>
      <c r="D2816" s="9"/>
      <c r="E2816" s="9"/>
      <c r="F2816" s="35"/>
    </row>
    <row r="2817" spans="1:6" ht="27.75" customHeight="1">
      <c r="A2817" s="39"/>
      <c r="B2817" s="9"/>
      <c r="C2817" s="29"/>
      <c r="D2817" s="9"/>
      <c r="E2817" s="9"/>
      <c r="F2817" s="35"/>
    </row>
    <row r="2818" spans="1:6" ht="27.75" customHeight="1">
      <c r="A2818" s="39"/>
      <c r="B2818" s="9"/>
      <c r="C2818" s="29"/>
      <c r="D2818" s="9"/>
      <c r="E2818" s="9"/>
      <c r="F2818" s="35"/>
    </row>
    <row r="2819" spans="1:6" ht="27.75" customHeight="1">
      <c r="A2819" s="39"/>
      <c r="B2819" s="9"/>
      <c r="C2819" s="29"/>
      <c r="D2819" s="9"/>
      <c r="E2819" s="9"/>
      <c r="F2819" s="35"/>
    </row>
    <row r="2820" spans="1:6" ht="27.75" customHeight="1">
      <c r="A2820" s="39"/>
      <c r="B2820" s="9"/>
      <c r="C2820" s="29"/>
      <c r="D2820" s="9"/>
      <c r="E2820" s="9"/>
      <c r="F2820" s="35"/>
    </row>
    <row r="2821" spans="1:6" ht="27.75" customHeight="1">
      <c r="A2821" s="39"/>
      <c r="B2821" s="9"/>
      <c r="C2821" s="29"/>
      <c r="D2821" s="9"/>
      <c r="E2821" s="9"/>
      <c r="F2821" s="35"/>
    </row>
    <row r="2822" spans="1:6" ht="27.75" customHeight="1">
      <c r="A2822" s="39"/>
      <c r="B2822" s="9"/>
      <c r="C2822" s="29"/>
      <c r="D2822" s="9"/>
      <c r="E2822" s="9"/>
      <c r="F2822" s="35"/>
    </row>
    <row r="2823" spans="1:6" ht="27.75" customHeight="1">
      <c r="A2823" s="39"/>
      <c r="B2823" s="9"/>
      <c r="C2823" s="29"/>
      <c r="D2823" s="9"/>
      <c r="E2823" s="9"/>
      <c r="F2823" s="35"/>
    </row>
    <row r="2824" spans="1:6" ht="27.75" customHeight="1">
      <c r="A2824" s="39"/>
      <c r="B2824" s="9"/>
      <c r="C2824" s="29"/>
      <c r="D2824" s="9"/>
      <c r="E2824" s="9"/>
      <c r="F2824" s="35"/>
    </row>
    <row r="2825" spans="1:6" ht="27.75" customHeight="1">
      <c r="A2825" s="39"/>
      <c r="B2825" s="9"/>
      <c r="C2825" s="29"/>
      <c r="D2825" s="9"/>
      <c r="E2825" s="9"/>
      <c r="F2825" s="35"/>
    </row>
    <row r="2826" spans="1:6" ht="27.75" customHeight="1">
      <c r="A2826" s="39"/>
      <c r="B2826" s="9"/>
      <c r="C2826" s="29"/>
      <c r="D2826" s="9"/>
      <c r="E2826" s="9"/>
      <c r="F2826" s="35"/>
    </row>
    <row r="2827" spans="1:6" ht="27.75" customHeight="1">
      <c r="A2827" s="39"/>
      <c r="B2827" s="9"/>
      <c r="C2827" s="29"/>
      <c r="D2827" s="9"/>
      <c r="E2827" s="9"/>
      <c r="F2827" s="35"/>
    </row>
    <row r="2828" spans="1:6" ht="27.75" customHeight="1">
      <c r="A2828" s="39"/>
      <c r="B2828" s="9"/>
      <c r="C2828" s="29"/>
      <c r="D2828" s="9"/>
      <c r="E2828" s="9"/>
      <c r="F2828" s="35"/>
    </row>
    <row r="2829" spans="1:6" ht="27.75" customHeight="1">
      <c r="A2829" s="39"/>
      <c r="B2829" s="9"/>
      <c r="C2829" s="29"/>
      <c r="D2829" s="9"/>
      <c r="E2829" s="9"/>
      <c r="F2829" s="35"/>
    </row>
    <row r="2830" spans="1:6" ht="27.75" customHeight="1">
      <c r="A2830" s="39"/>
      <c r="B2830" s="9"/>
      <c r="C2830" s="29"/>
      <c r="D2830" s="9"/>
      <c r="E2830" s="9"/>
      <c r="F2830" s="35"/>
    </row>
    <row r="2831" spans="1:6" ht="27.75" customHeight="1">
      <c r="A2831" s="39"/>
      <c r="B2831" s="9"/>
      <c r="C2831" s="29"/>
      <c r="D2831" s="9"/>
      <c r="E2831" s="9"/>
      <c r="F2831" s="35"/>
    </row>
    <row r="2832" spans="1:6" ht="27.75" customHeight="1">
      <c r="A2832" s="39"/>
      <c r="B2832" s="9"/>
      <c r="C2832" s="29"/>
      <c r="D2832" s="9"/>
      <c r="E2832" s="9"/>
      <c r="F2832" s="35"/>
    </row>
    <row r="2833" spans="1:6" ht="27.75" customHeight="1">
      <c r="A2833" s="39"/>
      <c r="B2833" s="9"/>
      <c r="C2833" s="29"/>
      <c r="D2833" s="9"/>
      <c r="E2833" s="9"/>
      <c r="F2833" s="35"/>
    </row>
    <row r="2834" spans="1:6" ht="27.75" customHeight="1">
      <c r="A2834" s="39"/>
      <c r="B2834" s="9"/>
      <c r="C2834" s="29"/>
      <c r="D2834" s="9"/>
      <c r="E2834" s="9"/>
      <c r="F2834" s="35"/>
    </row>
    <row r="2835" spans="1:6" ht="27.75" customHeight="1">
      <c r="A2835" s="39"/>
      <c r="B2835" s="9"/>
      <c r="C2835" s="29"/>
      <c r="D2835" s="9"/>
      <c r="E2835" s="9"/>
      <c r="F2835" s="35"/>
    </row>
    <row r="2836" spans="1:6" ht="27.75" customHeight="1">
      <c r="A2836" s="39"/>
      <c r="B2836" s="9"/>
      <c r="C2836" s="29"/>
      <c r="D2836" s="9"/>
      <c r="E2836" s="9"/>
      <c r="F2836" s="35"/>
    </row>
    <row r="2837" spans="1:6" ht="27.75" customHeight="1">
      <c r="A2837" s="39"/>
      <c r="B2837" s="9"/>
      <c r="C2837" s="29"/>
      <c r="D2837" s="9"/>
      <c r="E2837" s="9"/>
      <c r="F2837" s="35"/>
    </row>
    <row r="2838" spans="1:6" ht="27.75" customHeight="1">
      <c r="A2838" s="39"/>
      <c r="B2838" s="9"/>
      <c r="C2838" s="29"/>
      <c r="D2838" s="9"/>
      <c r="E2838" s="9"/>
      <c r="F2838" s="35"/>
    </row>
    <row r="2839" spans="1:6" ht="27.75" customHeight="1">
      <c r="A2839" s="39"/>
      <c r="B2839" s="9"/>
      <c r="C2839" s="29"/>
      <c r="D2839" s="9"/>
      <c r="E2839" s="9"/>
      <c r="F2839" s="35"/>
    </row>
    <row r="2840" spans="1:6" ht="27.75" customHeight="1">
      <c r="A2840" s="39"/>
      <c r="B2840" s="9"/>
      <c r="C2840" s="29"/>
      <c r="D2840" s="9"/>
      <c r="E2840" s="9"/>
      <c r="F2840" s="35"/>
    </row>
    <row r="2841" spans="1:6" ht="27.75" customHeight="1">
      <c r="A2841" s="39"/>
      <c r="B2841" s="9"/>
      <c r="C2841" s="29"/>
      <c r="D2841" s="9"/>
      <c r="E2841" s="9"/>
      <c r="F2841" s="35"/>
    </row>
    <row r="2842" spans="1:6" ht="27.75" customHeight="1">
      <c r="A2842" s="39"/>
      <c r="B2842" s="9"/>
      <c r="C2842" s="29"/>
      <c r="D2842" s="9"/>
      <c r="E2842" s="9"/>
      <c r="F2842" s="35"/>
    </row>
    <row r="2843" spans="1:6" ht="27.75" customHeight="1">
      <c r="A2843" s="39"/>
      <c r="B2843" s="9"/>
      <c r="C2843" s="29"/>
      <c r="D2843" s="9"/>
      <c r="E2843" s="9"/>
      <c r="F2843" s="35"/>
    </row>
    <row r="2844" spans="1:6" ht="27.75" customHeight="1">
      <c r="A2844" s="39"/>
      <c r="B2844" s="9"/>
      <c r="C2844" s="29"/>
      <c r="D2844" s="9"/>
      <c r="E2844" s="9"/>
      <c r="F2844" s="35"/>
    </row>
    <row r="2845" spans="1:6" ht="27.75" customHeight="1">
      <c r="A2845" s="39"/>
      <c r="B2845" s="9"/>
      <c r="C2845" s="29"/>
      <c r="D2845" s="9"/>
      <c r="E2845" s="9"/>
      <c r="F2845" s="35"/>
    </row>
    <row r="2846" spans="1:6" ht="27.75" customHeight="1">
      <c r="A2846" s="39"/>
      <c r="B2846" s="9"/>
      <c r="C2846" s="29"/>
      <c r="D2846" s="9"/>
      <c r="E2846" s="9"/>
      <c r="F2846" s="35"/>
    </row>
    <row r="2847" spans="1:6" ht="27.75" customHeight="1">
      <c r="A2847" s="39"/>
      <c r="B2847" s="9"/>
      <c r="C2847" s="29"/>
      <c r="D2847" s="9"/>
      <c r="E2847" s="9"/>
      <c r="F2847" s="35"/>
    </row>
    <row r="2848" spans="1:6" ht="27.75" customHeight="1">
      <c r="A2848" s="39"/>
      <c r="B2848" s="9"/>
      <c r="C2848" s="29"/>
      <c r="D2848" s="9"/>
      <c r="E2848" s="9"/>
      <c r="F2848" s="35"/>
    </row>
    <row r="2849" spans="1:6" ht="27.75" customHeight="1">
      <c r="A2849" s="39"/>
      <c r="B2849" s="9"/>
      <c r="C2849" s="29"/>
      <c r="D2849" s="9"/>
      <c r="E2849" s="9"/>
      <c r="F2849" s="35"/>
    </row>
    <row r="2850" spans="1:6" ht="27.75" customHeight="1">
      <c r="A2850" s="39"/>
      <c r="B2850" s="9"/>
      <c r="C2850" s="29"/>
      <c r="D2850" s="9"/>
      <c r="E2850" s="9"/>
      <c r="F2850" s="35"/>
    </row>
    <row r="2851" spans="1:6" ht="27.75" customHeight="1">
      <c r="A2851" s="39"/>
      <c r="B2851" s="9"/>
      <c r="C2851" s="29"/>
      <c r="D2851" s="9"/>
      <c r="E2851" s="9"/>
      <c r="F2851" s="35"/>
    </row>
    <row r="2852" spans="1:6" ht="27.75" customHeight="1">
      <c r="A2852" s="39"/>
      <c r="B2852" s="9"/>
      <c r="C2852" s="29"/>
      <c r="D2852" s="9"/>
      <c r="E2852" s="9"/>
      <c r="F2852" s="35"/>
    </row>
    <row r="2853" spans="1:6" ht="27.75" customHeight="1">
      <c r="A2853" s="39"/>
      <c r="B2853" s="9"/>
      <c r="C2853" s="29"/>
      <c r="D2853" s="9"/>
      <c r="E2853" s="9"/>
      <c r="F2853" s="35"/>
    </row>
    <row r="2854" spans="1:6" ht="27.75" customHeight="1">
      <c r="A2854" s="39"/>
      <c r="B2854" s="9"/>
      <c r="C2854" s="29"/>
      <c r="D2854" s="9"/>
      <c r="E2854" s="9"/>
      <c r="F2854" s="35"/>
    </row>
    <row r="2855" spans="1:6" ht="27.75" customHeight="1">
      <c r="A2855" s="39"/>
      <c r="B2855" s="9"/>
      <c r="C2855" s="29"/>
      <c r="D2855" s="9"/>
      <c r="E2855" s="9"/>
      <c r="F2855" s="35"/>
    </row>
    <row r="2856" spans="1:6" ht="27.75" customHeight="1">
      <c r="A2856" s="39"/>
      <c r="B2856" s="9"/>
      <c r="C2856" s="29"/>
      <c r="D2856" s="9"/>
      <c r="E2856" s="9"/>
      <c r="F2856" s="35"/>
    </row>
    <row r="2857" spans="1:6" ht="27.75" customHeight="1">
      <c r="A2857" s="39"/>
      <c r="B2857" s="9"/>
      <c r="C2857" s="29"/>
      <c r="D2857" s="9"/>
      <c r="E2857" s="9"/>
      <c r="F2857" s="35"/>
    </row>
    <row r="2858" spans="1:6" ht="27.75" customHeight="1">
      <c r="A2858" s="39"/>
      <c r="B2858" s="9"/>
      <c r="C2858" s="29"/>
      <c r="D2858" s="9"/>
      <c r="E2858" s="9"/>
      <c r="F2858" s="35"/>
    </row>
    <row r="2859" spans="1:6" ht="27.75" customHeight="1">
      <c r="A2859" s="39"/>
      <c r="B2859" s="9"/>
      <c r="C2859" s="29"/>
      <c r="D2859" s="9"/>
      <c r="E2859" s="9"/>
      <c r="F2859" s="35"/>
    </row>
    <row r="2860" spans="1:6" ht="27.75" customHeight="1">
      <c r="A2860" s="39"/>
      <c r="B2860" s="9"/>
      <c r="C2860" s="29"/>
      <c r="D2860" s="9"/>
      <c r="E2860" s="9"/>
      <c r="F2860" s="35"/>
    </row>
    <row r="2861" spans="1:6" ht="27.75" customHeight="1">
      <c r="A2861" s="39"/>
      <c r="B2861" s="9"/>
      <c r="C2861" s="29"/>
      <c r="D2861" s="9"/>
      <c r="E2861" s="9"/>
      <c r="F2861" s="35"/>
    </row>
    <row r="2862" spans="1:6" ht="27.75" customHeight="1">
      <c r="A2862" s="39"/>
      <c r="B2862" s="9"/>
      <c r="C2862" s="29"/>
      <c r="D2862" s="9"/>
      <c r="E2862" s="9"/>
      <c r="F2862" s="35"/>
    </row>
    <row r="2863" spans="1:6" ht="27.75" customHeight="1">
      <c r="A2863" s="39"/>
      <c r="B2863" s="9"/>
      <c r="C2863" s="29"/>
      <c r="D2863" s="9"/>
      <c r="E2863" s="9"/>
      <c r="F2863" s="35"/>
    </row>
    <row r="2864" spans="1:6" ht="27.75" customHeight="1">
      <c r="A2864" s="39"/>
      <c r="B2864" s="9"/>
      <c r="C2864" s="29"/>
      <c r="D2864" s="9"/>
      <c r="E2864" s="9"/>
      <c r="F2864" s="35"/>
    </row>
    <row r="2865" spans="1:6" ht="27.75" customHeight="1">
      <c r="A2865" s="39"/>
      <c r="B2865" s="9"/>
      <c r="C2865" s="29"/>
      <c r="D2865" s="9"/>
      <c r="E2865" s="9"/>
      <c r="F2865" s="35"/>
    </row>
    <row r="2866" spans="1:6" ht="27.75" customHeight="1">
      <c r="A2866" s="39"/>
      <c r="B2866" s="9"/>
      <c r="C2866" s="29"/>
      <c r="D2866" s="9"/>
      <c r="E2866" s="9"/>
      <c r="F2866" s="35"/>
    </row>
    <row r="2867" spans="1:6" ht="27.75" customHeight="1">
      <c r="A2867" s="39"/>
      <c r="B2867" s="9"/>
      <c r="C2867" s="29"/>
      <c r="D2867" s="9"/>
      <c r="E2867" s="9"/>
      <c r="F2867" s="35"/>
    </row>
    <row r="2868" spans="1:6" ht="27.75" customHeight="1">
      <c r="A2868" s="39"/>
      <c r="B2868" s="9"/>
      <c r="C2868" s="29"/>
      <c r="D2868" s="9"/>
      <c r="E2868" s="9"/>
      <c r="F2868" s="35"/>
    </row>
    <row r="2869" spans="1:6" ht="27.75" customHeight="1">
      <c r="A2869" s="39"/>
      <c r="B2869" s="9"/>
      <c r="C2869" s="29"/>
      <c r="D2869" s="9"/>
      <c r="E2869" s="9"/>
      <c r="F2869" s="35"/>
    </row>
    <row r="2870" spans="1:6" ht="27.75" customHeight="1">
      <c r="A2870" s="39"/>
      <c r="B2870" s="9"/>
      <c r="C2870" s="29"/>
      <c r="D2870" s="9"/>
      <c r="E2870" s="9"/>
      <c r="F2870" s="35"/>
    </row>
    <row r="2871" spans="1:6" ht="27.75" customHeight="1">
      <c r="A2871" s="39"/>
      <c r="B2871" s="9"/>
      <c r="C2871" s="29"/>
      <c r="D2871" s="9"/>
      <c r="E2871" s="9"/>
      <c r="F2871" s="35"/>
    </row>
    <row r="2872" spans="1:6" ht="27.75" customHeight="1">
      <c r="A2872" s="39"/>
      <c r="B2872" s="9"/>
      <c r="C2872" s="29"/>
      <c r="D2872" s="9"/>
      <c r="E2872" s="9"/>
      <c r="F2872" s="35"/>
    </row>
    <row r="2873" spans="1:6" ht="27.75" customHeight="1">
      <c r="A2873" s="39"/>
      <c r="B2873" s="9"/>
      <c r="C2873" s="29"/>
      <c r="D2873" s="9"/>
      <c r="E2873" s="9"/>
      <c r="F2873" s="35"/>
    </row>
    <row r="2874" spans="1:6" ht="27.75" customHeight="1">
      <c r="A2874" s="39"/>
      <c r="B2874" s="9"/>
      <c r="C2874" s="29"/>
      <c r="D2874" s="9"/>
      <c r="E2874" s="9"/>
      <c r="F2874" s="35"/>
    </row>
    <row r="2875" spans="1:6" ht="27.75" customHeight="1">
      <c r="A2875" s="39"/>
      <c r="B2875" s="9"/>
      <c r="C2875" s="29"/>
      <c r="D2875" s="9"/>
      <c r="E2875" s="9"/>
      <c r="F2875" s="35"/>
    </row>
    <row r="2876" spans="1:6" ht="27.75" customHeight="1">
      <c r="A2876" s="39"/>
      <c r="B2876" s="9"/>
      <c r="C2876" s="29"/>
      <c r="D2876" s="9"/>
      <c r="E2876" s="9"/>
      <c r="F2876" s="35"/>
    </row>
    <row r="2877" spans="1:6" ht="27.75" customHeight="1">
      <c r="A2877" s="39"/>
      <c r="B2877" s="9"/>
      <c r="C2877" s="29"/>
      <c r="D2877" s="9"/>
      <c r="E2877" s="9"/>
      <c r="F2877" s="35"/>
    </row>
    <row r="2878" spans="1:6" ht="27.75" customHeight="1">
      <c r="A2878" s="39"/>
      <c r="B2878" s="9"/>
      <c r="C2878" s="29"/>
      <c r="D2878" s="9"/>
      <c r="E2878" s="9"/>
      <c r="F2878" s="35"/>
    </row>
    <row r="2879" spans="1:6" ht="27.75" customHeight="1">
      <c r="A2879" s="39"/>
      <c r="B2879" s="9"/>
      <c r="C2879" s="29"/>
      <c r="D2879" s="9"/>
      <c r="E2879" s="9"/>
      <c r="F2879" s="35"/>
    </row>
    <row r="2880" spans="1:6" ht="27.75" customHeight="1">
      <c r="A2880" s="39"/>
      <c r="B2880" s="9"/>
      <c r="C2880" s="29"/>
      <c r="D2880" s="9"/>
      <c r="E2880" s="9"/>
      <c r="F2880" s="35"/>
    </row>
    <row r="2881" spans="1:6" ht="27.75" customHeight="1">
      <c r="A2881" s="39"/>
      <c r="B2881" s="9"/>
      <c r="C2881" s="29"/>
      <c r="D2881" s="9"/>
      <c r="E2881" s="9"/>
      <c r="F2881" s="35"/>
    </row>
    <row r="2882" spans="1:6" ht="27.75" customHeight="1">
      <c r="A2882" s="39"/>
      <c r="B2882" s="9"/>
      <c r="C2882" s="29"/>
      <c r="D2882" s="9"/>
      <c r="E2882" s="9"/>
      <c r="F2882" s="35"/>
    </row>
    <row r="2883" spans="1:6" ht="27.75" customHeight="1">
      <c r="A2883" s="39"/>
      <c r="B2883" s="9"/>
      <c r="C2883" s="29"/>
      <c r="D2883" s="9"/>
      <c r="E2883" s="9"/>
      <c r="F2883" s="35"/>
    </row>
    <row r="2884" spans="1:6" ht="27.75" customHeight="1">
      <c r="A2884" s="39"/>
      <c r="B2884" s="9"/>
      <c r="C2884" s="29"/>
      <c r="D2884" s="9"/>
      <c r="E2884" s="9"/>
      <c r="F2884" s="35"/>
    </row>
    <row r="2885" spans="1:6" ht="27.75" customHeight="1">
      <c r="A2885" s="39"/>
      <c r="B2885" s="9"/>
      <c r="C2885" s="29"/>
      <c r="D2885" s="9"/>
      <c r="E2885" s="9"/>
      <c r="F2885" s="35"/>
    </row>
    <row r="2886" spans="1:6" ht="27.75" customHeight="1">
      <c r="A2886" s="39"/>
      <c r="B2886" s="9"/>
      <c r="C2886" s="29"/>
      <c r="D2886" s="9"/>
      <c r="E2886" s="9"/>
      <c r="F2886" s="35"/>
    </row>
    <row r="2887" spans="1:6" ht="27.75" customHeight="1">
      <c r="A2887" s="39"/>
      <c r="B2887" s="9"/>
      <c r="C2887" s="29"/>
      <c r="D2887" s="9"/>
      <c r="E2887" s="9"/>
      <c r="F2887" s="35"/>
    </row>
    <row r="2888" spans="1:6" ht="27.75" customHeight="1">
      <c r="A2888" s="39"/>
      <c r="B2888" s="9"/>
      <c r="C2888" s="29"/>
      <c r="D2888" s="9"/>
      <c r="E2888" s="9"/>
      <c r="F2888" s="35"/>
    </row>
    <row r="2889" spans="1:6" ht="27.75" customHeight="1">
      <c r="A2889" s="39"/>
      <c r="B2889" s="9"/>
      <c r="C2889" s="29"/>
      <c r="D2889" s="9"/>
      <c r="E2889" s="9"/>
      <c r="F2889" s="35"/>
    </row>
    <row r="2890" spans="1:6" ht="27.75" customHeight="1">
      <c r="A2890" s="39"/>
      <c r="B2890" s="9"/>
      <c r="C2890" s="29"/>
      <c r="D2890" s="9"/>
      <c r="E2890" s="9"/>
      <c r="F2890" s="35"/>
    </row>
    <row r="2891" spans="1:6" ht="27.75" customHeight="1">
      <c r="A2891" s="39"/>
      <c r="B2891" s="9"/>
      <c r="C2891" s="29"/>
      <c r="D2891" s="9"/>
      <c r="E2891" s="9"/>
      <c r="F2891" s="35"/>
    </row>
    <row r="2892" spans="1:6" ht="27.75" customHeight="1">
      <c r="A2892" s="39"/>
      <c r="B2892" s="9"/>
      <c r="C2892" s="29"/>
      <c r="D2892" s="9"/>
      <c r="E2892" s="9"/>
      <c r="F2892" s="35"/>
    </row>
    <row r="2893" spans="1:6" ht="27.75" customHeight="1">
      <c r="A2893" s="39"/>
      <c r="B2893" s="9"/>
      <c r="C2893" s="29"/>
      <c r="D2893" s="9"/>
      <c r="E2893" s="9"/>
      <c r="F2893" s="35"/>
    </row>
    <row r="2894" spans="1:6" ht="27.75" customHeight="1">
      <c r="A2894" s="39"/>
      <c r="B2894" s="9"/>
      <c r="C2894" s="29"/>
      <c r="D2894" s="9"/>
      <c r="E2894" s="9"/>
      <c r="F2894" s="35"/>
    </row>
    <row r="2895" spans="1:6" ht="27.75" customHeight="1">
      <c r="A2895" s="39"/>
      <c r="B2895" s="9"/>
      <c r="C2895" s="29"/>
      <c r="D2895" s="9"/>
      <c r="E2895" s="9"/>
      <c r="F2895" s="35"/>
    </row>
    <row r="2896" spans="1:6" ht="27.75" customHeight="1">
      <c r="A2896" s="39"/>
      <c r="B2896" s="9"/>
      <c r="C2896" s="29"/>
      <c r="D2896" s="9"/>
      <c r="E2896" s="9"/>
      <c r="F2896" s="35"/>
    </row>
    <row r="2897" spans="1:6" ht="27.75" customHeight="1">
      <c r="A2897" s="39"/>
      <c r="B2897" s="9"/>
      <c r="C2897" s="29"/>
      <c r="D2897" s="9"/>
      <c r="E2897" s="9"/>
      <c r="F2897" s="35"/>
    </row>
    <row r="2898" spans="1:6" ht="27.75" customHeight="1">
      <c r="A2898" s="39"/>
      <c r="B2898" s="9"/>
      <c r="C2898" s="29"/>
      <c r="D2898" s="9"/>
      <c r="E2898" s="9"/>
      <c r="F2898" s="35"/>
    </row>
    <row r="2899" spans="1:6" ht="27.75" customHeight="1">
      <c r="A2899" s="39"/>
      <c r="B2899" s="9"/>
      <c r="C2899" s="29"/>
      <c r="D2899" s="9"/>
      <c r="E2899" s="9"/>
      <c r="F2899" s="35"/>
    </row>
    <row r="2900" spans="1:6" ht="27.75" customHeight="1">
      <c r="A2900" s="39"/>
      <c r="B2900" s="9"/>
      <c r="C2900" s="29"/>
      <c r="D2900" s="9"/>
      <c r="E2900" s="9"/>
      <c r="F2900" s="35"/>
    </row>
    <row r="2901" spans="1:6" ht="27.75" customHeight="1">
      <c r="A2901" s="39"/>
      <c r="B2901" s="9"/>
      <c r="C2901" s="29"/>
      <c r="D2901" s="9"/>
      <c r="E2901" s="9"/>
      <c r="F2901" s="35"/>
    </row>
    <row r="2902" spans="1:6" ht="27.75" customHeight="1">
      <c r="A2902" s="39"/>
      <c r="B2902" s="9"/>
      <c r="C2902" s="29"/>
      <c r="D2902" s="9"/>
      <c r="E2902" s="9"/>
      <c r="F2902" s="35"/>
    </row>
    <row r="2903" spans="1:6" ht="27.75" customHeight="1">
      <c r="A2903" s="39"/>
      <c r="B2903" s="9"/>
      <c r="C2903" s="29"/>
      <c r="D2903" s="9"/>
      <c r="E2903" s="9"/>
      <c r="F2903" s="35"/>
    </row>
    <row r="2904" spans="1:6" ht="27.75" customHeight="1">
      <c r="A2904" s="39"/>
      <c r="B2904" s="9"/>
      <c r="C2904" s="29"/>
      <c r="D2904" s="9"/>
      <c r="E2904" s="9"/>
      <c r="F2904" s="35"/>
    </row>
    <row r="2905" spans="1:6" ht="27.75" customHeight="1">
      <c r="A2905" s="39"/>
      <c r="B2905" s="9"/>
      <c r="C2905" s="29"/>
      <c r="D2905" s="9"/>
      <c r="E2905" s="9"/>
      <c r="F2905" s="35"/>
    </row>
    <row r="2906" spans="1:6" ht="27.75" customHeight="1">
      <c r="A2906" s="39"/>
      <c r="B2906" s="9"/>
      <c r="C2906" s="29"/>
      <c r="D2906" s="9"/>
      <c r="E2906" s="9"/>
      <c r="F2906" s="35"/>
    </row>
    <row r="2907" spans="1:6" ht="27.75" customHeight="1">
      <c r="A2907" s="39"/>
      <c r="B2907" s="9"/>
      <c r="C2907" s="29"/>
      <c r="D2907" s="9"/>
      <c r="E2907" s="9"/>
      <c r="F2907" s="35"/>
    </row>
    <row r="2908" spans="1:6" ht="27.75" customHeight="1">
      <c r="A2908" s="39"/>
      <c r="B2908" s="9"/>
      <c r="C2908" s="29"/>
      <c r="D2908" s="9"/>
      <c r="E2908" s="9"/>
      <c r="F2908" s="35"/>
    </row>
    <row r="2909" spans="1:6" ht="27.75" customHeight="1">
      <c r="A2909" s="39"/>
      <c r="B2909" s="9"/>
      <c r="C2909" s="29"/>
      <c r="D2909" s="9"/>
      <c r="E2909" s="9"/>
      <c r="F2909" s="35"/>
    </row>
    <row r="2910" spans="1:6" ht="27.75" customHeight="1">
      <c r="A2910" s="39"/>
      <c r="B2910" s="9"/>
      <c r="C2910" s="29"/>
      <c r="D2910" s="9"/>
      <c r="E2910" s="9"/>
      <c r="F2910" s="35"/>
    </row>
    <row r="2911" spans="1:6" ht="27.75" customHeight="1">
      <c r="A2911" s="39"/>
      <c r="B2911" s="9"/>
      <c r="C2911" s="29"/>
      <c r="D2911" s="9"/>
      <c r="E2911" s="9"/>
      <c r="F2911" s="35"/>
    </row>
    <row r="2912" spans="1:6" ht="27.75" customHeight="1">
      <c r="A2912" s="39"/>
      <c r="B2912" s="9"/>
      <c r="C2912" s="29"/>
      <c r="D2912" s="9"/>
      <c r="E2912" s="9"/>
      <c r="F2912" s="35"/>
    </row>
    <row r="2913" spans="1:6" ht="27.75" customHeight="1">
      <c r="A2913" s="39"/>
      <c r="B2913" s="9"/>
      <c r="C2913" s="29"/>
      <c r="D2913" s="9"/>
      <c r="E2913" s="9"/>
      <c r="F2913" s="35"/>
    </row>
    <row r="2914" spans="1:6" ht="27.75" customHeight="1">
      <c r="A2914" s="39"/>
      <c r="B2914" s="9"/>
      <c r="C2914" s="29"/>
      <c r="D2914" s="9"/>
      <c r="E2914" s="9"/>
      <c r="F2914" s="35"/>
    </row>
    <row r="2915" spans="1:6" ht="27.75" customHeight="1">
      <c r="A2915" s="39"/>
      <c r="B2915" s="9"/>
      <c r="C2915" s="29"/>
      <c r="D2915" s="9"/>
      <c r="E2915" s="9"/>
      <c r="F2915" s="35"/>
    </row>
    <row r="2916" spans="1:6" ht="27.75" customHeight="1">
      <c r="A2916" s="39"/>
      <c r="B2916" s="9"/>
      <c r="C2916" s="29"/>
      <c r="D2916" s="9"/>
      <c r="E2916" s="9"/>
      <c r="F2916" s="35"/>
    </row>
    <row r="2917" spans="1:6" ht="27.75" customHeight="1">
      <c r="A2917" s="39"/>
      <c r="B2917" s="9"/>
      <c r="C2917" s="29"/>
      <c r="D2917" s="9"/>
      <c r="E2917" s="9"/>
      <c r="F2917" s="35"/>
    </row>
    <row r="2918" spans="1:6" ht="27.75" customHeight="1">
      <c r="A2918" s="39"/>
      <c r="B2918" s="9"/>
      <c r="C2918" s="29"/>
      <c r="D2918" s="9"/>
      <c r="E2918" s="9"/>
      <c r="F2918" s="35"/>
    </row>
    <row r="2919" spans="1:6" ht="27.75" customHeight="1">
      <c r="A2919" s="39"/>
      <c r="B2919" s="9"/>
      <c r="C2919" s="29"/>
      <c r="D2919" s="9"/>
      <c r="E2919" s="9"/>
      <c r="F2919" s="35"/>
    </row>
    <row r="2920" spans="1:6" ht="27.75" customHeight="1">
      <c r="A2920" s="39"/>
      <c r="B2920" s="9"/>
      <c r="C2920" s="29"/>
      <c r="D2920" s="9"/>
      <c r="E2920" s="9"/>
      <c r="F2920" s="35"/>
    </row>
    <row r="2921" spans="1:6" ht="27.75" customHeight="1">
      <c r="A2921" s="39"/>
      <c r="B2921" s="9"/>
      <c r="C2921" s="29"/>
      <c r="D2921" s="9"/>
      <c r="E2921" s="9"/>
      <c r="F2921" s="35"/>
    </row>
    <row r="2922" spans="1:6" ht="27.75" customHeight="1">
      <c r="A2922" s="39"/>
      <c r="B2922" s="9"/>
      <c r="C2922" s="29"/>
      <c r="D2922" s="9"/>
      <c r="E2922" s="9"/>
      <c r="F2922" s="35"/>
    </row>
    <row r="2923" spans="1:6" ht="27.75" customHeight="1">
      <c r="A2923" s="39"/>
      <c r="B2923" s="9"/>
      <c r="C2923" s="29"/>
      <c r="D2923" s="9"/>
      <c r="E2923" s="9"/>
      <c r="F2923" s="35"/>
    </row>
    <row r="2924" spans="1:6" ht="27.75" customHeight="1">
      <c r="A2924" s="39"/>
      <c r="B2924" s="9"/>
      <c r="C2924" s="29"/>
      <c r="D2924" s="9"/>
      <c r="E2924" s="9"/>
      <c r="F2924" s="35"/>
    </row>
    <row r="2925" spans="1:6" ht="27.75" customHeight="1">
      <c r="A2925" s="39"/>
      <c r="B2925" s="9"/>
      <c r="C2925" s="29"/>
      <c r="D2925" s="9"/>
      <c r="E2925" s="9"/>
      <c r="F2925" s="35"/>
    </row>
    <row r="2926" spans="1:6" ht="27.75" customHeight="1">
      <c r="A2926" s="39"/>
      <c r="B2926" s="9"/>
      <c r="C2926" s="29"/>
      <c r="D2926" s="9"/>
      <c r="E2926" s="9"/>
      <c r="F2926" s="35"/>
    </row>
    <row r="2927" spans="1:6" ht="27.75" customHeight="1">
      <c r="A2927" s="39"/>
      <c r="B2927" s="9"/>
      <c r="C2927" s="29"/>
      <c r="D2927" s="9"/>
      <c r="E2927" s="9"/>
      <c r="F2927" s="35"/>
    </row>
    <row r="2928" spans="1:6" ht="27.75" customHeight="1">
      <c r="A2928" s="39"/>
      <c r="B2928" s="9"/>
      <c r="C2928" s="29"/>
      <c r="D2928" s="9"/>
      <c r="E2928" s="9"/>
      <c r="F2928" s="35"/>
    </row>
    <row r="2929" spans="1:6" ht="27.75" customHeight="1">
      <c r="A2929" s="39"/>
      <c r="B2929" s="9"/>
      <c r="C2929" s="29"/>
      <c r="D2929" s="9"/>
      <c r="E2929" s="9"/>
      <c r="F2929" s="35"/>
    </row>
    <row r="2930" spans="1:6" ht="27.75" customHeight="1">
      <c r="A2930" s="39"/>
      <c r="B2930" s="9"/>
      <c r="C2930" s="29"/>
      <c r="D2930" s="9"/>
      <c r="E2930" s="9"/>
      <c r="F2930" s="35"/>
    </row>
    <row r="2931" spans="1:6" ht="27.75" customHeight="1">
      <c r="A2931" s="39"/>
      <c r="B2931" s="9"/>
      <c r="C2931" s="29"/>
      <c r="D2931" s="9"/>
      <c r="E2931" s="9"/>
      <c r="F2931" s="35"/>
    </row>
    <row r="2932" spans="1:6" ht="27.75" customHeight="1">
      <c r="A2932" s="39"/>
      <c r="B2932" s="9"/>
      <c r="C2932" s="29"/>
      <c r="D2932" s="9"/>
      <c r="E2932" s="9"/>
      <c r="F2932" s="35"/>
    </row>
    <row r="2933" spans="1:6" ht="27.75" customHeight="1">
      <c r="A2933" s="39"/>
      <c r="B2933" s="9"/>
      <c r="C2933" s="29"/>
      <c r="D2933" s="9"/>
      <c r="E2933" s="9"/>
      <c r="F2933" s="35"/>
    </row>
    <row r="2934" spans="1:6" ht="27.75" customHeight="1">
      <c r="A2934" s="39"/>
      <c r="B2934" s="9"/>
      <c r="C2934" s="29"/>
      <c r="D2934" s="9"/>
      <c r="E2934" s="9"/>
      <c r="F2934" s="35"/>
    </row>
    <row r="2935" spans="1:6" ht="27.75" customHeight="1">
      <c r="A2935" s="39"/>
      <c r="B2935" s="9"/>
      <c r="C2935" s="29"/>
      <c r="D2935" s="9"/>
      <c r="E2935" s="9"/>
      <c r="F2935" s="35"/>
    </row>
    <row r="2936" spans="1:6" ht="27.75" customHeight="1">
      <c r="A2936" s="39"/>
      <c r="B2936" s="9"/>
      <c r="C2936" s="29"/>
      <c r="D2936" s="9"/>
      <c r="E2936" s="9"/>
      <c r="F2936" s="35"/>
    </row>
    <row r="2937" spans="1:6" ht="27.75" customHeight="1">
      <c r="A2937" s="39"/>
      <c r="B2937" s="9"/>
      <c r="C2937" s="29"/>
      <c r="D2937" s="9"/>
      <c r="E2937" s="9"/>
      <c r="F2937" s="35"/>
    </row>
    <row r="2938" spans="1:6" ht="27.75" customHeight="1">
      <c r="A2938" s="39"/>
      <c r="B2938" s="9"/>
      <c r="C2938" s="29"/>
      <c r="D2938" s="9"/>
      <c r="E2938" s="9"/>
      <c r="F2938" s="35"/>
    </row>
    <row r="2939" spans="1:6" ht="27.75" customHeight="1">
      <c r="A2939" s="39"/>
      <c r="B2939" s="9"/>
      <c r="C2939" s="29"/>
      <c r="D2939" s="9"/>
      <c r="E2939" s="9"/>
      <c r="F2939" s="35"/>
    </row>
    <row r="2940" spans="1:6" ht="27.75" customHeight="1">
      <c r="A2940" s="39"/>
      <c r="B2940" s="9"/>
      <c r="C2940" s="29"/>
      <c r="D2940" s="9"/>
      <c r="E2940" s="9"/>
      <c r="F2940" s="35"/>
    </row>
    <row r="2941" spans="1:6" ht="27.75" customHeight="1">
      <c r="A2941" s="39"/>
      <c r="B2941" s="9"/>
      <c r="C2941" s="29"/>
      <c r="D2941" s="9"/>
      <c r="E2941" s="9"/>
      <c r="F2941" s="35"/>
    </row>
    <row r="2942" spans="1:6" ht="27.75" customHeight="1">
      <c r="A2942" s="39"/>
      <c r="B2942" s="9"/>
      <c r="C2942" s="29"/>
      <c r="D2942" s="9"/>
      <c r="E2942" s="9"/>
      <c r="F2942" s="35"/>
    </row>
    <row r="2943" spans="1:6" ht="27.75" customHeight="1">
      <c r="A2943" s="39"/>
      <c r="B2943" s="9"/>
      <c r="C2943" s="29"/>
      <c r="D2943" s="9"/>
      <c r="E2943" s="9"/>
      <c r="F2943" s="35"/>
    </row>
    <row r="2944" spans="1:6" ht="27.75" customHeight="1">
      <c r="A2944" s="39"/>
      <c r="B2944" s="9"/>
      <c r="C2944" s="29"/>
      <c r="D2944" s="9"/>
      <c r="E2944" s="9"/>
      <c r="F2944" s="35"/>
    </row>
    <row r="2945" spans="1:6" ht="27.75" customHeight="1">
      <c r="A2945" s="39"/>
      <c r="B2945" s="9"/>
      <c r="C2945" s="29"/>
      <c r="D2945" s="9"/>
      <c r="E2945" s="9"/>
      <c r="F2945" s="35"/>
    </row>
    <row r="2946" spans="1:6" ht="27.75" customHeight="1">
      <c r="A2946" s="39"/>
      <c r="B2946" s="9"/>
      <c r="C2946" s="29"/>
      <c r="D2946" s="9"/>
      <c r="E2946" s="9"/>
      <c r="F2946" s="35"/>
    </row>
    <row r="2947" spans="1:6" ht="27.75" customHeight="1">
      <c r="A2947" s="39"/>
      <c r="B2947" s="9"/>
      <c r="C2947" s="29"/>
      <c r="D2947" s="9"/>
      <c r="E2947" s="9"/>
      <c r="F2947" s="35"/>
    </row>
    <row r="2948" spans="1:6" ht="27.75" customHeight="1">
      <c r="A2948" s="39"/>
      <c r="B2948" s="9"/>
      <c r="C2948" s="29"/>
      <c r="D2948" s="9"/>
      <c r="E2948" s="9"/>
      <c r="F2948" s="35"/>
    </row>
    <row r="2949" spans="1:6" ht="27.75" customHeight="1">
      <c r="A2949" s="39"/>
      <c r="B2949" s="9"/>
      <c r="C2949" s="29"/>
      <c r="D2949" s="9"/>
      <c r="E2949" s="9"/>
      <c r="F2949" s="35"/>
    </row>
    <row r="2950" spans="1:6" ht="27.75" customHeight="1">
      <c r="A2950" s="39"/>
      <c r="B2950" s="9"/>
      <c r="C2950" s="29"/>
      <c r="D2950" s="9"/>
      <c r="E2950" s="9"/>
      <c r="F2950" s="35"/>
    </row>
    <row r="2951" spans="1:6" ht="27.75" customHeight="1">
      <c r="A2951" s="39"/>
      <c r="B2951" s="9"/>
      <c r="C2951" s="29"/>
      <c r="D2951" s="9"/>
      <c r="E2951" s="9"/>
      <c r="F2951" s="35"/>
    </row>
    <row r="2952" spans="1:6" ht="27.75" customHeight="1">
      <c r="A2952" s="39"/>
      <c r="B2952" s="9"/>
      <c r="C2952" s="29"/>
      <c r="D2952" s="9"/>
      <c r="E2952" s="9"/>
      <c r="F2952" s="35"/>
    </row>
    <row r="2953" spans="1:6" ht="27.75" customHeight="1">
      <c r="A2953" s="39"/>
      <c r="B2953" s="9"/>
      <c r="C2953" s="29"/>
      <c r="D2953" s="9"/>
      <c r="E2953" s="9"/>
      <c r="F2953" s="35"/>
    </row>
    <row r="2954" spans="1:6" ht="27.75" customHeight="1">
      <c r="A2954" s="39"/>
      <c r="B2954" s="9"/>
      <c r="C2954" s="29"/>
      <c r="D2954" s="9"/>
      <c r="E2954" s="9"/>
      <c r="F2954" s="35"/>
    </row>
    <row r="2955" spans="1:6" ht="27.75" customHeight="1">
      <c r="A2955" s="39"/>
      <c r="B2955" s="9"/>
      <c r="C2955" s="29"/>
      <c r="D2955" s="9"/>
      <c r="E2955" s="9"/>
      <c r="F2955" s="35"/>
    </row>
    <row r="2956" spans="1:6" ht="27.75" customHeight="1">
      <c r="A2956" s="39"/>
      <c r="B2956" s="9"/>
      <c r="C2956" s="29"/>
      <c r="D2956" s="9"/>
      <c r="E2956" s="9"/>
      <c r="F2956" s="35"/>
    </row>
    <row r="2957" spans="1:6" ht="27.75" customHeight="1">
      <c r="A2957" s="39"/>
      <c r="B2957" s="9"/>
      <c r="C2957" s="29"/>
      <c r="D2957" s="9"/>
      <c r="E2957" s="9"/>
      <c r="F2957" s="35"/>
    </row>
    <row r="2958" spans="1:6" ht="27.75" customHeight="1">
      <c r="A2958" s="39"/>
      <c r="B2958" s="9"/>
      <c r="C2958" s="29"/>
      <c r="D2958" s="9"/>
      <c r="E2958" s="9"/>
      <c r="F2958" s="35"/>
    </row>
    <row r="2959" spans="1:6" ht="27.75" customHeight="1">
      <c r="A2959" s="39"/>
      <c r="B2959" s="9"/>
      <c r="C2959" s="29"/>
      <c r="D2959" s="9"/>
      <c r="E2959" s="9"/>
      <c r="F2959" s="35"/>
    </row>
    <row r="2960" spans="1:6" ht="27.75" customHeight="1">
      <c r="A2960" s="39"/>
      <c r="B2960" s="9"/>
      <c r="C2960" s="29"/>
      <c r="D2960" s="9"/>
      <c r="E2960" s="9"/>
      <c r="F2960" s="35"/>
    </row>
    <row r="2961" spans="1:6" ht="27.75" customHeight="1">
      <c r="A2961" s="39"/>
      <c r="B2961" s="9"/>
      <c r="C2961" s="29"/>
      <c r="D2961" s="9"/>
      <c r="E2961" s="9"/>
      <c r="F2961" s="35"/>
    </row>
    <row r="2962" spans="1:6" ht="27.75" customHeight="1">
      <c r="A2962" s="39"/>
      <c r="B2962" s="9"/>
      <c r="C2962" s="29"/>
      <c r="D2962" s="9"/>
      <c r="E2962" s="9"/>
      <c r="F2962" s="35"/>
    </row>
    <row r="2963" spans="1:6" ht="27.75" customHeight="1">
      <c r="A2963" s="39"/>
      <c r="B2963" s="9"/>
      <c r="C2963" s="29"/>
      <c r="D2963" s="9"/>
      <c r="E2963" s="9"/>
      <c r="F2963" s="35"/>
    </row>
    <row r="2964" spans="1:6" ht="27.75" customHeight="1">
      <c r="A2964" s="39"/>
      <c r="B2964" s="9"/>
      <c r="C2964" s="29"/>
      <c r="D2964" s="9"/>
      <c r="E2964" s="9"/>
      <c r="F2964" s="35"/>
    </row>
    <row r="2965" spans="1:6" ht="27.75" customHeight="1">
      <c r="A2965" s="39"/>
      <c r="B2965" s="9"/>
      <c r="C2965" s="29"/>
      <c r="D2965" s="9"/>
      <c r="E2965" s="9"/>
      <c r="F2965" s="35"/>
    </row>
    <row r="2966" spans="1:6" ht="27.75" customHeight="1">
      <c r="A2966" s="39"/>
      <c r="B2966" s="9"/>
      <c r="C2966" s="29"/>
      <c r="D2966" s="9"/>
      <c r="E2966" s="9"/>
      <c r="F2966" s="35"/>
    </row>
    <row r="2967" spans="1:6" ht="27.75" customHeight="1">
      <c r="A2967" s="39"/>
      <c r="B2967" s="9"/>
      <c r="C2967" s="29"/>
      <c r="D2967" s="9"/>
      <c r="E2967" s="9"/>
      <c r="F2967" s="35"/>
    </row>
    <row r="2968" spans="1:6" ht="27.75" customHeight="1">
      <c r="A2968" s="39"/>
      <c r="B2968" s="9"/>
      <c r="C2968" s="29"/>
      <c r="D2968" s="9"/>
      <c r="E2968" s="9"/>
      <c r="F2968" s="35"/>
    </row>
    <row r="2969" spans="1:6" ht="27.75" customHeight="1">
      <c r="A2969" s="39"/>
      <c r="B2969" s="9"/>
      <c r="C2969" s="29"/>
      <c r="D2969" s="9"/>
      <c r="E2969" s="9"/>
      <c r="F2969" s="35"/>
    </row>
    <row r="2970" spans="1:6" ht="27.75" customHeight="1">
      <c r="A2970" s="39"/>
      <c r="B2970" s="9"/>
      <c r="C2970" s="29"/>
      <c r="D2970" s="9"/>
      <c r="E2970" s="9"/>
      <c r="F2970" s="35"/>
    </row>
    <row r="2971" spans="1:6" ht="27.75" customHeight="1">
      <c r="A2971" s="39"/>
      <c r="B2971" s="9"/>
      <c r="C2971" s="29"/>
      <c r="D2971" s="9"/>
      <c r="E2971" s="9"/>
      <c r="F2971" s="35"/>
    </row>
    <row r="2972" spans="1:6" ht="27.75" customHeight="1">
      <c r="A2972" s="39"/>
      <c r="B2972" s="9"/>
      <c r="C2972" s="29"/>
      <c r="D2972" s="9"/>
      <c r="E2972" s="9"/>
      <c r="F2972" s="35"/>
    </row>
    <row r="2973" spans="1:6" ht="27.75" customHeight="1">
      <c r="A2973" s="39"/>
      <c r="B2973" s="9"/>
      <c r="C2973" s="29"/>
      <c r="D2973" s="9"/>
      <c r="E2973" s="9"/>
      <c r="F2973" s="35"/>
    </row>
    <row r="2974" spans="1:6" ht="27.75" customHeight="1">
      <c r="A2974" s="39"/>
      <c r="B2974" s="9"/>
      <c r="C2974" s="29"/>
      <c r="D2974" s="9"/>
      <c r="E2974" s="9"/>
      <c r="F2974" s="35"/>
    </row>
    <row r="2975" spans="1:6" ht="27.75" customHeight="1">
      <c r="A2975" s="39"/>
      <c r="B2975" s="9"/>
      <c r="C2975" s="29"/>
      <c r="D2975" s="9"/>
      <c r="E2975" s="9"/>
      <c r="F2975" s="35"/>
    </row>
    <row r="2976" spans="1:6" ht="27.75" customHeight="1">
      <c r="A2976" s="39"/>
      <c r="B2976" s="9"/>
      <c r="C2976" s="29"/>
      <c r="D2976" s="9"/>
      <c r="E2976" s="9"/>
      <c r="F2976" s="35"/>
    </row>
    <row r="2977" spans="1:6" ht="27.75" customHeight="1">
      <c r="A2977" s="39"/>
      <c r="B2977" s="9"/>
      <c r="C2977" s="29"/>
      <c r="D2977" s="9"/>
      <c r="E2977" s="9"/>
      <c r="F2977" s="35"/>
    </row>
    <row r="2978" spans="1:6" ht="27.75" customHeight="1">
      <c r="A2978" s="39"/>
      <c r="B2978" s="9"/>
      <c r="C2978" s="29"/>
      <c r="D2978" s="9"/>
      <c r="E2978" s="9"/>
      <c r="F2978" s="35"/>
    </row>
    <row r="2979" spans="1:6" ht="27.75" customHeight="1">
      <c r="A2979" s="39"/>
      <c r="B2979" s="9"/>
      <c r="C2979" s="29"/>
      <c r="D2979" s="9"/>
      <c r="E2979" s="9"/>
      <c r="F2979" s="35"/>
    </row>
    <row r="2980" spans="1:6" ht="27.75" customHeight="1">
      <c r="A2980" s="39"/>
      <c r="B2980" s="9"/>
      <c r="C2980" s="29"/>
      <c r="D2980" s="9"/>
      <c r="E2980" s="9"/>
      <c r="F2980" s="35"/>
    </row>
    <row r="2981" spans="1:6" ht="27.75" customHeight="1">
      <c r="A2981" s="39"/>
      <c r="B2981" s="9"/>
      <c r="C2981" s="29"/>
      <c r="D2981" s="9"/>
      <c r="E2981" s="9"/>
      <c r="F2981" s="35"/>
    </row>
    <row r="2982" spans="1:6" ht="27.75" customHeight="1">
      <c r="A2982" s="39"/>
      <c r="B2982" s="9"/>
      <c r="C2982" s="29"/>
      <c r="D2982" s="9"/>
      <c r="E2982" s="9"/>
      <c r="F2982" s="35"/>
    </row>
    <row r="2983" spans="1:6" ht="27.75" customHeight="1">
      <c r="A2983" s="39"/>
      <c r="B2983" s="9"/>
      <c r="C2983" s="29"/>
      <c r="D2983" s="9"/>
      <c r="E2983" s="9"/>
      <c r="F2983" s="35"/>
    </row>
    <row r="2984" spans="1:6" ht="27.75" customHeight="1">
      <c r="A2984" s="39"/>
      <c r="B2984" s="9"/>
      <c r="C2984" s="29"/>
      <c r="D2984" s="9"/>
      <c r="E2984" s="9"/>
      <c r="F2984" s="35"/>
    </row>
    <row r="2985" spans="1:6" ht="27.75" customHeight="1">
      <c r="A2985" s="39"/>
      <c r="B2985" s="9"/>
      <c r="C2985" s="29"/>
      <c r="D2985" s="9"/>
      <c r="E2985" s="9"/>
      <c r="F2985" s="35"/>
    </row>
    <row r="2986" spans="1:6" ht="27.75" customHeight="1">
      <c r="A2986" s="39"/>
      <c r="B2986" s="9"/>
      <c r="C2986" s="29"/>
      <c r="D2986" s="9"/>
      <c r="E2986" s="9"/>
      <c r="F2986" s="35"/>
    </row>
    <row r="2987" spans="1:6" ht="27.75" customHeight="1">
      <c r="A2987" s="39"/>
      <c r="B2987" s="9"/>
      <c r="C2987" s="29"/>
      <c r="D2987" s="9"/>
      <c r="E2987" s="9"/>
      <c r="F2987" s="35"/>
    </row>
    <row r="2988" spans="1:6" ht="27.75" customHeight="1">
      <c r="A2988" s="39"/>
      <c r="B2988" s="9"/>
      <c r="C2988" s="29"/>
      <c r="D2988" s="9"/>
      <c r="E2988" s="9"/>
      <c r="F2988" s="35"/>
    </row>
    <row r="2989" spans="1:6" ht="27.75" customHeight="1">
      <c r="A2989" s="39"/>
      <c r="B2989" s="9"/>
      <c r="C2989" s="29"/>
      <c r="D2989" s="9"/>
      <c r="E2989" s="9"/>
      <c r="F2989" s="35"/>
    </row>
    <row r="2990" spans="1:6" ht="27.75" customHeight="1">
      <c r="A2990" s="39"/>
      <c r="B2990" s="9"/>
      <c r="C2990" s="29"/>
      <c r="D2990" s="9"/>
      <c r="E2990" s="9"/>
      <c r="F2990" s="35"/>
    </row>
    <row r="2991" spans="1:6" ht="27.75" customHeight="1">
      <c r="A2991" s="39"/>
      <c r="B2991" s="9"/>
      <c r="C2991" s="29"/>
      <c r="D2991" s="9"/>
      <c r="E2991" s="9"/>
      <c r="F2991" s="35"/>
    </row>
    <row r="2992" spans="1:6" ht="27.75" customHeight="1">
      <c r="A2992" s="39"/>
      <c r="B2992" s="9"/>
      <c r="C2992" s="29"/>
      <c r="D2992" s="9"/>
      <c r="E2992" s="9"/>
      <c r="F2992" s="35"/>
    </row>
    <row r="2993" spans="1:6" ht="27.75" customHeight="1">
      <c r="A2993" s="39"/>
      <c r="B2993" s="9"/>
      <c r="C2993" s="29"/>
      <c r="D2993" s="9"/>
      <c r="E2993" s="9"/>
      <c r="F2993" s="35"/>
    </row>
    <row r="2994" spans="1:6" ht="27.75" customHeight="1">
      <c r="A2994" s="39"/>
      <c r="B2994" s="9"/>
      <c r="C2994" s="29"/>
      <c r="D2994" s="9"/>
      <c r="E2994" s="9"/>
      <c r="F2994" s="35"/>
    </row>
    <row r="2995" spans="1:6" ht="27.75" customHeight="1">
      <c r="A2995" s="39"/>
      <c r="B2995" s="9"/>
      <c r="C2995" s="29"/>
      <c r="D2995" s="9"/>
      <c r="E2995" s="9"/>
      <c r="F2995" s="35"/>
    </row>
    <row r="2996" spans="1:6" ht="27.75" customHeight="1">
      <c r="A2996" s="39"/>
      <c r="B2996" s="9"/>
      <c r="C2996" s="29"/>
      <c r="D2996" s="9"/>
      <c r="E2996" s="9"/>
      <c r="F2996" s="35"/>
    </row>
    <row r="2997" spans="1:6" ht="27.75" customHeight="1">
      <c r="A2997" s="39"/>
      <c r="B2997" s="9"/>
      <c r="C2997" s="29"/>
      <c r="D2997" s="9"/>
      <c r="E2997" s="9"/>
      <c r="F2997" s="35"/>
    </row>
    <row r="2998" spans="1:6" ht="27.75" customHeight="1">
      <c r="A2998" s="39"/>
      <c r="B2998" s="9"/>
      <c r="C2998" s="29"/>
      <c r="D2998" s="9"/>
      <c r="E2998" s="9"/>
      <c r="F2998" s="35"/>
    </row>
    <row r="2999" spans="1:6" ht="27.75" customHeight="1">
      <c r="A2999" s="39"/>
      <c r="B2999" s="9"/>
      <c r="C2999" s="29"/>
      <c r="D2999" s="9"/>
      <c r="E2999" s="9"/>
      <c r="F2999" s="35"/>
    </row>
    <row r="3000" spans="1:6" ht="27.75" customHeight="1">
      <c r="A3000" s="39"/>
      <c r="B3000" s="9"/>
      <c r="C3000" s="29"/>
      <c r="D3000" s="9"/>
      <c r="E3000" s="9"/>
      <c r="F3000" s="35"/>
    </row>
  </sheetData>
  <autoFilter ref="A3:F2485" xr:uid="{37A2EE83-593A-4F19-B688-D6E85740E84A}"/>
  <mergeCells count="3">
    <mergeCell ref="A2:A3"/>
    <mergeCell ref="B2:E2"/>
    <mergeCell ref="F2:F3"/>
  </mergeCells>
  <phoneticPr fontId="2"/>
  <pageMargins left="1" right="1" top="1" bottom="1" header="0.5" footer="0.5"/>
  <pageSetup paperSize="9" scale="48" fitToHeight="0" orientation="portrait" r:id="rId1"/>
  <rowBreaks count="1" manualBreakCount="1">
    <brk id="2349" max="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難病指定医一覧</vt:lpstr>
      <vt:lpstr>難病指定医一覧!Print_Area</vt:lpstr>
    </vt:vector>
  </TitlesOfParts>
  <Company>Kanagawa Prefectural Governmen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朋子</dc:creator>
  <cp:lastModifiedBy>user</cp:lastModifiedBy>
  <dcterms:created xsi:type="dcterms:W3CDTF">2026-02-02T04:37:00Z</dcterms:created>
  <dcterms:modified xsi:type="dcterms:W3CDTF">2026-02-04T05:22:33Z</dcterms:modified>
</cp:coreProperties>
</file>